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B5F2EE3" w14:textId="193E11C3" w:rsidR="00FC6296" w:rsidRDefault="00150E4F" w:rsidP="00FC6296">
      <w:pPr>
        <w:pStyle w:val="BodyText"/>
        <w:spacing w:after="120"/>
        <w:jc w:val="both"/>
        <w:rPr>
          <w:rFonts w:asciiTheme="minorHAnsi" w:hAnsiTheme="minorHAnsi"/>
          <w:sz w:val="24"/>
          <w:szCs w:val="24"/>
        </w:rPr>
      </w:pPr>
      <w:r w:rsidRPr="00FC6296">
        <w:rPr>
          <w:rFonts w:asciiTheme="minorHAnsi" w:hAnsiTheme="minorHAnsi"/>
          <w:sz w:val="24"/>
          <w:szCs w:val="24"/>
        </w:rPr>
        <w:t xml:space="preserve">Name:___________________________________________ </w:t>
      </w:r>
      <w:r w:rsidRPr="00FC6296">
        <w:rPr>
          <w:rFonts w:asciiTheme="minorHAnsi" w:hAnsiTheme="minorHAnsi"/>
          <w:sz w:val="24"/>
          <w:szCs w:val="24"/>
        </w:rPr>
        <w:br/>
      </w:r>
      <w:r w:rsidRPr="00FC6296">
        <w:rPr>
          <w:rFonts w:asciiTheme="minorHAnsi" w:hAnsiTheme="minorHAnsi"/>
          <w:sz w:val="24"/>
          <w:szCs w:val="24"/>
        </w:rPr>
        <w:br/>
        <w:t>Birth</w:t>
      </w:r>
      <w:r w:rsidR="00937923">
        <w:rPr>
          <w:rFonts w:asciiTheme="minorHAnsi" w:hAnsiTheme="minorHAnsi"/>
          <w:sz w:val="24"/>
          <w:szCs w:val="24"/>
        </w:rPr>
        <w:t>:___________________________</w:t>
      </w:r>
      <w:r w:rsidRPr="00FC6296">
        <w:rPr>
          <w:rFonts w:asciiTheme="minorHAnsi" w:hAnsiTheme="minorHAnsi"/>
          <w:sz w:val="24"/>
          <w:szCs w:val="24"/>
        </w:rPr>
        <w:t xml:space="preserve"> Date:_____/____/______</w:t>
      </w:r>
      <w:r w:rsidRPr="00FC6296">
        <w:rPr>
          <w:rFonts w:asciiTheme="minorHAnsi" w:hAnsiTheme="minorHAnsi"/>
          <w:sz w:val="24"/>
          <w:szCs w:val="24"/>
        </w:rPr>
        <w:br/>
      </w:r>
      <w:r w:rsidRPr="00FC6296">
        <w:rPr>
          <w:rFonts w:asciiTheme="minorHAnsi" w:hAnsiTheme="minorHAnsi"/>
          <w:sz w:val="24"/>
          <w:szCs w:val="24"/>
        </w:rPr>
        <w:br/>
        <w:t xml:space="preserve">Address:____________________________________________________ </w:t>
      </w:r>
      <w:r w:rsidRPr="00FC6296">
        <w:rPr>
          <w:rFonts w:asciiTheme="minorHAnsi" w:hAnsiTheme="minorHAnsi"/>
          <w:sz w:val="24"/>
          <w:szCs w:val="24"/>
        </w:rPr>
        <w:br/>
      </w:r>
      <w:r w:rsidRPr="00FC6296">
        <w:rPr>
          <w:rFonts w:asciiTheme="minorHAnsi" w:hAnsiTheme="minorHAnsi"/>
          <w:sz w:val="24"/>
          <w:szCs w:val="24"/>
        </w:rPr>
        <w:br/>
        <w:t>City: ________________________________________ Zip: ___________</w:t>
      </w:r>
      <w:r w:rsidRPr="00FC6296">
        <w:rPr>
          <w:rFonts w:asciiTheme="minorHAnsi" w:hAnsiTheme="minorHAnsi"/>
          <w:sz w:val="24"/>
          <w:szCs w:val="24"/>
        </w:rPr>
        <w:br/>
        <w:t xml:space="preserve">Phone__________________________________ </w:t>
      </w:r>
      <w:r w:rsidRPr="00FC6296">
        <w:rPr>
          <w:rFonts w:asciiTheme="minorHAnsi" w:hAnsiTheme="minorHAnsi"/>
          <w:sz w:val="24"/>
          <w:szCs w:val="24"/>
        </w:rPr>
        <w:br/>
      </w:r>
      <w:r w:rsidRPr="00FC6296">
        <w:rPr>
          <w:rFonts w:asciiTheme="minorHAnsi" w:hAnsiTheme="minorHAnsi"/>
          <w:sz w:val="24"/>
          <w:szCs w:val="24"/>
        </w:rPr>
        <w:br/>
        <w:t>Email:___________________________________</w:t>
      </w:r>
      <w:r w:rsidRPr="00FC6296">
        <w:rPr>
          <w:rFonts w:asciiTheme="minorHAnsi" w:hAnsiTheme="minorHAnsi"/>
          <w:sz w:val="24"/>
          <w:szCs w:val="24"/>
        </w:rPr>
        <w:br/>
      </w:r>
      <w:r w:rsidRPr="00FC6296">
        <w:rPr>
          <w:rFonts w:asciiTheme="minorHAnsi" w:hAnsiTheme="minorHAnsi"/>
          <w:sz w:val="24"/>
          <w:szCs w:val="24"/>
        </w:rPr>
        <w:br/>
        <w:t>Emergency Contact Name: ________________________________________</w:t>
      </w:r>
      <w:r w:rsidRPr="00FC6296">
        <w:rPr>
          <w:rFonts w:asciiTheme="minorHAnsi" w:hAnsiTheme="minorHAnsi"/>
          <w:sz w:val="24"/>
          <w:szCs w:val="24"/>
        </w:rPr>
        <w:br/>
      </w:r>
      <w:r w:rsidRPr="00FC6296">
        <w:rPr>
          <w:rFonts w:asciiTheme="minorHAnsi" w:hAnsiTheme="minorHAnsi"/>
          <w:sz w:val="24"/>
          <w:szCs w:val="24"/>
        </w:rPr>
        <w:br/>
        <w:t xml:space="preserve">I understand that yoga includes physical </w:t>
      </w:r>
      <w:r w:rsidR="004B1D22" w:rsidRPr="00FC6296">
        <w:rPr>
          <w:rFonts w:asciiTheme="minorHAnsi" w:hAnsiTheme="minorHAnsi"/>
          <w:sz w:val="24"/>
          <w:szCs w:val="24"/>
        </w:rPr>
        <w:t>activity and, as with all physical activity,</w:t>
      </w:r>
      <w:r w:rsidRPr="00FC6296">
        <w:rPr>
          <w:rFonts w:asciiTheme="minorHAnsi" w:hAnsiTheme="minorHAnsi"/>
          <w:sz w:val="24"/>
          <w:szCs w:val="24"/>
        </w:rPr>
        <w:t xml:space="preserve"> </w:t>
      </w:r>
      <w:r w:rsidR="004B1D22" w:rsidRPr="00FC6296">
        <w:rPr>
          <w:rFonts w:asciiTheme="minorHAnsi" w:hAnsiTheme="minorHAnsi"/>
          <w:sz w:val="24"/>
          <w:szCs w:val="24"/>
        </w:rPr>
        <w:t xml:space="preserve">there is </w:t>
      </w:r>
      <w:r w:rsidRPr="00FC6296">
        <w:rPr>
          <w:rFonts w:asciiTheme="minorHAnsi" w:hAnsiTheme="minorHAnsi"/>
          <w:sz w:val="24"/>
          <w:szCs w:val="24"/>
        </w:rPr>
        <w:t>the risk of injury</w:t>
      </w:r>
      <w:r w:rsidR="00A356C0">
        <w:rPr>
          <w:rFonts w:asciiTheme="minorHAnsi" w:hAnsiTheme="minorHAnsi"/>
          <w:sz w:val="24"/>
          <w:szCs w:val="24"/>
        </w:rPr>
        <w:t xml:space="preserve"> of varying types </w:t>
      </w:r>
      <w:r w:rsidR="004B1D22" w:rsidRPr="00FC6296">
        <w:rPr>
          <w:rFonts w:asciiTheme="minorHAnsi" w:hAnsiTheme="minorHAnsi"/>
          <w:sz w:val="24"/>
          <w:szCs w:val="24"/>
        </w:rPr>
        <w:t>and degrees, which</w:t>
      </w:r>
      <w:r w:rsidRPr="00FC6296">
        <w:rPr>
          <w:rFonts w:asciiTheme="minorHAnsi" w:hAnsiTheme="minorHAnsi"/>
          <w:sz w:val="24"/>
          <w:szCs w:val="24"/>
        </w:rPr>
        <w:t xml:space="preserve"> </w:t>
      </w:r>
      <w:r w:rsidR="004B1D22" w:rsidRPr="00FC6296">
        <w:rPr>
          <w:rFonts w:asciiTheme="minorHAnsi" w:hAnsiTheme="minorHAnsi"/>
          <w:sz w:val="24"/>
          <w:szCs w:val="24"/>
        </w:rPr>
        <w:t xml:space="preserve">risk </w:t>
      </w:r>
      <w:r w:rsidRPr="00FC6296">
        <w:rPr>
          <w:rFonts w:asciiTheme="minorHAnsi" w:hAnsiTheme="minorHAnsi"/>
          <w:sz w:val="24"/>
          <w:szCs w:val="24"/>
        </w:rPr>
        <w:t xml:space="preserve">cannot be entirely eliminated. If I experience any pain or discomfort, I </w:t>
      </w:r>
      <w:r w:rsidR="004B1D22" w:rsidRPr="00FC6296">
        <w:rPr>
          <w:rFonts w:asciiTheme="minorHAnsi" w:hAnsiTheme="minorHAnsi"/>
          <w:sz w:val="24"/>
          <w:szCs w:val="24"/>
        </w:rPr>
        <w:t xml:space="preserve">agree that I </w:t>
      </w:r>
      <w:r w:rsidRPr="00FC6296">
        <w:rPr>
          <w:rFonts w:asciiTheme="minorHAnsi" w:hAnsiTheme="minorHAnsi"/>
          <w:sz w:val="24"/>
          <w:szCs w:val="24"/>
        </w:rPr>
        <w:t>will discontinue the activity, and ask for support from the instructor. I assume full respons</w:t>
      </w:r>
      <w:r w:rsidR="004B1D22" w:rsidRPr="00FC6296">
        <w:rPr>
          <w:rFonts w:asciiTheme="minorHAnsi" w:hAnsiTheme="minorHAnsi"/>
          <w:sz w:val="24"/>
          <w:szCs w:val="24"/>
        </w:rPr>
        <w:t>ibility for any and all damages</w:t>
      </w:r>
      <w:r w:rsidRPr="00FC6296">
        <w:rPr>
          <w:rFonts w:asciiTheme="minorHAnsi" w:hAnsiTheme="minorHAnsi"/>
          <w:sz w:val="24"/>
          <w:szCs w:val="24"/>
        </w:rPr>
        <w:t xml:space="preserve"> which may</w:t>
      </w:r>
      <w:r w:rsidR="004B1D22" w:rsidRPr="00FC6296">
        <w:rPr>
          <w:rFonts w:asciiTheme="minorHAnsi" w:hAnsiTheme="minorHAnsi"/>
          <w:sz w:val="24"/>
          <w:szCs w:val="24"/>
        </w:rPr>
        <w:t xml:space="preserve"> be</w:t>
      </w:r>
      <w:r w:rsidRPr="00FC6296">
        <w:rPr>
          <w:rFonts w:asciiTheme="minorHAnsi" w:hAnsiTheme="minorHAnsi"/>
          <w:sz w:val="24"/>
          <w:szCs w:val="24"/>
        </w:rPr>
        <w:t xml:space="preserve"> incur</w:t>
      </w:r>
      <w:r w:rsidR="004B1D22" w:rsidRPr="00FC6296">
        <w:rPr>
          <w:rFonts w:asciiTheme="minorHAnsi" w:hAnsiTheme="minorHAnsi"/>
          <w:sz w:val="24"/>
          <w:szCs w:val="24"/>
        </w:rPr>
        <w:t>red</w:t>
      </w:r>
      <w:r w:rsidRPr="00FC6296">
        <w:rPr>
          <w:rFonts w:asciiTheme="minorHAnsi" w:hAnsiTheme="minorHAnsi"/>
          <w:sz w:val="24"/>
          <w:szCs w:val="24"/>
        </w:rPr>
        <w:t xml:space="preserve"> </w:t>
      </w:r>
      <w:r w:rsidR="004B1D22" w:rsidRPr="00FC6296">
        <w:rPr>
          <w:rFonts w:asciiTheme="minorHAnsi" w:hAnsiTheme="minorHAnsi"/>
          <w:sz w:val="24"/>
          <w:szCs w:val="24"/>
        </w:rPr>
        <w:t>as a result of my</w:t>
      </w:r>
      <w:r w:rsidRPr="00FC6296">
        <w:rPr>
          <w:rFonts w:asciiTheme="minorHAnsi" w:hAnsiTheme="minorHAnsi"/>
          <w:sz w:val="24"/>
          <w:szCs w:val="24"/>
        </w:rPr>
        <w:t xml:space="preserve"> participation</w:t>
      </w:r>
      <w:r w:rsidR="004B1D22" w:rsidRPr="00FC6296">
        <w:rPr>
          <w:rFonts w:asciiTheme="minorHAnsi" w:hAnsiTheme="minorHAnsi"/>
          <w:sz w:val="24"/>
          <w:szCs w:val="24"/>
        </w:rPr>
        <w:t xml:space="preserve"> in the </w:t>
      </w:r>
      <w:r w:rsidR="00FC6296" w:rsidRPr="00FC6296">
        <w:rPr>
          <w:rFonts w:asciiTheme="minorHAnsi" w:hAnsiTheme="minorHAnsi"/>
          <w:sz w:val="24"/>
          <w:szCs w:val="24"/>
        </w:rPr>
        <w:t xml:space="preserve">yoga </w:t>
      </w:r>
      <w:r w:rsidR="004B1D22" w:rsidRPr="00FC6296">
        <w:rPr>
          <w:rFonts w:asciiTheme="minorHAnsi" w:hAnsiTheme="minorHAnsi"/>
          <w:sz w:val="24"/>
          <w:szCs w:val="24"/>
        </w:rPr>
        <w:t>activities</w:t>
      </w:r>
      <w:r w:rsidR="00FC6296">
        <w:rPr>
          <w:rFonts w:asciiTheme="minorHAnsi" w:hAnsiTheme="minorHAnsi"/>
          <w:sz w:val="24"/>
          <w:szCs w:val="24"/>
        </w:rPr>
        <w:t>.</w:t>
      </w:r>
    </w:p>
    <w:p w14:paraId="1B5F2EE4" w14:textId="7121CAA7" w:rsidR="00A356C0" w:rsidRDefault="00150E4F" w:rsidP="00FC6296">
      <w:pPr>
        <w:pStyle w:val="BodyText"/>
        <w:spacing w:after="120"/>
        <w:jc w:val="both"/>
        <w:rPr>
          <w:rFonts w:asciiTheme="minorHAnsi" w:hAnsiTheme="minorHAnsi"/>
          <w:sz w:val="24"/>
          <w:szCs w:val="24"/>
        </w:rPr>
      </w:pPr>
      <w:r w:rsidRPr="00FC6296">
        <w:rPr>
          <w:rFonts w:asciiTheme="minorHAnsi" w:hAnsiTheme="minorHAnsi"/>
          <w:sz w:val="24"/>
          <w:szCs w:val="24"/>
        </w:rPr>
        <w:br/>
      </w:r>
      <w:r w:rsidR="004B1D22" w:rsidRPr="00FC6296">
        <w:rPr>
          <w:rFonts w:asciiTheme="minorHAnsi" w:hAnsiTheme="minorHAnsi"/>
          <w:sz w:val="24"/>
          <w:szCs w:val="24"/>
        </w:rPr>
        <w:t>I understand that y</w:t>
      </w:r>
      <w:r w:rsidRPr="00FC6296">
        <w:rPr>
          <w:rFonts w:asciiTheme="minorHAnsi" w:hAnsiTheme="minorHAnsi"/>
          <w:sz w:val="24"/>
          <w:szCs w:val="24"/>
        </w:rPr>
        <w:t>oga is not a substitute for medical attention, exam</w:t>
      </w:r>
      <w:r w:rsidR="004B1D22" w:rsidRPr="00FC6296">
        <w:rPr>
          <w:rFonts w:asciiTheme="minorHAnsi" w:hAnsiTheme="minorHAnsi"/>
          <w:sz w:val="24"/>
          <w:szCs w:val="24"/>
        </w:rPr>
        <w:t>ination, diagnosis or treatment, nor is y</w:t>
      </w:r>
      <w:r w:rsidRPr="00FC6296">
        <w:rPr>
          <w:rFonts w:asciiTheme="minorHAnsi" w:hAnsiTheme="minorHAnsi"/>
          <w:sz w:val="24"/>
          <w:szCs w:val="24"/>
        </w:rPr>
        <w:t xml:space="preserve">oga recommended </w:t>
      </w:r>
      <w:r w:rsidR="001475BD" w:rsidRPr="00FC6296">
        <w:rPr>
          <w:rFonts w:asciiTheme="minorHAnsi" w:hAnsiTheme="minorHAnsi"/>
          <w:sz w:val="24"/>
          <w:szCs w:val="24"/>
        </w:rPr>
        <w:t>or</w:t>
      </w:r>
      <w:r w:rsidRPr="00FC6296">
        <w:rPr>
          <w:rFonts w:asciiTheme="minorHAnsi" w:hAnsiTheme="minorHAnsi"/>
          <w:sz w:val="24"/>
          <w:szCs w:val="24"/>
        </w:rPr>
        <w:t xml:space="preserve"> safe under certain medical conditions. By signing, I affirm that a licensed physician has verified </w:t>
      </w:r>
      <w:r w:rsidR="00174DA6" w:rsidRPr="00FC6296">
        <w:rPr>
          <w:rFonts w:asciiTheme="minorHAnsi" w:hAnsiTheme="minorHAnsi"/>
          <w:sz w:val="24"/>
          <w:szCs w:val="24"/>
        </w:rPr>
        <w:t xml:space="preserve">the status of </w:t>
      </w:r>
      <w:r w:rsidRPr="00FC6296">
        <w:rPr>
          <w:rFonts w:asciiTheme="minorHAnsi" w:hAnsiTheme="minorHAnsi"/>
          <w:sz w:val="24"/>
          <w:szCs w:val="24"/>
        </w:rPr>
        <w:t xml:space="preserve">my health and physical condition </w:t>
      </w:r>
      <w:r w:rsidR="00FC6296" w:rsidRPr="00FC6296">
        <w:rPr>
          <w:rFonts w:asciiTheme="minorHAnsi" w:hAnsiTheme="minorHAnsi"/>
          <w:sz w:val="24"/>
          <w:szCs w:val="24"/>
        </w:rPr>
        <w:t xml:space="preserve">as sufficient to allow me </w:t>
      </w:r>
      <w:r w:rsidRPr="00FC6296">
        <w:rPr>
          <w:rFonts w:asciiTheme="minorHAnsi" w:hAnsiTheme="minorHAnsi"/>
          <w:sz w:val="24"/>
          <w:szCs w:val="24"/>
        </w:rPr>
        <w:t xml:space="preserve">to participate in </w:t>
      </w:r>
      <w:r w:rsidR="00FC6296" w:rsidRPr="00FC6296">
        <w:rPr>
          <w:rFonts w:asciiTheme="minorHAnsi" w:hAnsiTheme="minorHAnsi"/>
          <w:sz w:val="24"/>
          <w:szCs w:val="24"/>
        </w:rPr>
        <w:t>the physical activity required by the yoga program</w:t>
      </w:r>
      <w:r w:rsidRPr="00FC6296">
        <w:rPr>
          <w:rFonts w:asciiTheme="minorHAnsi" w:hAnsiTheme="minorHAnsi"/>
          <w:sz w:val="24"/>
          <w:szCs w:val="24"/>
        </w:rPr>
        <w:t xml:space="preserve">. I </w:t>
      </w:r>
      <w:r w:rsidR="00FC6296" w:rsidRPr="00FC6296">
        <w:rPr>
          <w:rFonts w:asciiTheme="minorHAnsi" w:hAnsiTheme="minorHAnsi"/>
          <w:sz w:val="24"/>
          <w:szCs w:val="24"/>
        </w:rPr>
        <w:t xml:space="preserve">agree that I </w:t>
      </w:r>
      <w:r w:rsidRPr="00FC6296">
        <w:rPr>
          <w:rFonts w:asciiTheme="minorHAnsi" w:hAnsiTheme="minorHAnsi"/>
          <w:sz w:val="24"/>
          <w:szCs w:val="24"/>
        </w:rPr>
        <w:t xml:space="preserve">will make the instructor aware of any medical conditions or physical limitations before class. If I am pregnant, become pregnant or I am post-natal or post-surgical, my signature verifies that I have my physician's approval to participate. I also affirm that I alone am responsible to decide whether to practice yoga and </w:t>
      </w:r>
      <w:r w:rsidR="00FC6296" w:rsidRPr="00FC6296">
        <w:rPr>
          <w:rFonts w:asciiTheme="minorHAnsi" w:hAnsiTheme="minorHAnsi"/>
          <w:sz w:val="24"/>
          <w:szCs w:val="24"/>
        </w:rPr>
        <w:t xml:space="preserve">my </w:t>
      </w:r>
      <w:r w:rsidRPr="00FC6296">
        <w:rPr>
          <w:rFonts w:asciiTheme="minorHAnsi" w:hAnsiTheme="minorHAnsi"/>
          <w:sz w:val="24"/>
          <w:szCs w:val="24"/>
        </w:rPr>
        <w:t>participation is at my own risk. I agree to irrevocably release and waive any claims that I have now or may have hereafter against</w:t>
      </w:r>
      <w:r w:rsidR="00937923">
        <w:rPr>
          <w:rFonts w:asciiTheme="minorHAnsi" w:hAnsiTheme="minorHAnsi"/>
          <w:sz w:val="24"/>
          <w:szCs w:val="24"/>
        </w:rPr>
        <w:t xml:space="preserve"> Santosha Min</w:t>
      </w:r>
      <w:r w:rsidR="00372827">
        <w:rPr>
          <w:rFonts w:asciiTheme="minorHAnsi" w:hAnsiTheme="minorHAnsi"/>
          <w:sz w:val="24"/>
          <w:szCs w:val="24"/>
        </w:rPr>
        <w:t>d</w:t>
      </w:r>
      <w:r w:rsidR="00937923">
        <w:rPr>
          <w:rFonts w:asciiTheme="minorHAnsi" w:hAnsiTheme="minorHAnsi"/>
          <w:sz w:val="24"/>
          <w:szCs w:val="24"/>
        </w:rPr>
        <w:t>fulness/Kimberly Pavlik</w:t>
      </w:r>
      <w:r w:rsidR="00FC6296" w:rsidRPr="00FC6296">
        <w:rPr>
          <w:rFonts w:asciiTheme="minorHAnsi" w:hAnsiTheme="minorHAnsi"/>
          <w:sz w:val="24"/>
          <w:szCs w:val="24"/>
        </w:rPr>
        <w:t xml:space="preserve"> and it</w:t>
      </w:r>
      <w:r w:rsidRPr="00FC6296">
        <w:rPr>
          <w:rFonts w:asciiTheme="minorHAnsi" w:hAnsiTheme="minorHAnsi"/>
          <w:sz w:val="24"/>
          <w:szCs w:val="24"/>
        </w:rPr>
        <w:t>s instructors.</w:t>
      </w:r>
    </w:p>
    <w:p w14:paraId="1B5F2EE5" w14:textId="27D4B84A" w:rsidR="004374F5" w:rsidRDefault="004374F5" w:rsidP="00FC6296">
      <w:pPr>
        <w:pStyle w:val="BodyText"/>
        <w:spacing w:after="120"/>
        <w:jc w:val="both"/>
        <w:rPr>
          <w:rFonts w:asciiTheme="minorHAnsi" w:hAnsiTheme="minorHAnsi"/>
          <w:sz w:val="24"/>
          <w:szCs w:val="24"/>
        </w:rPr>
      </w:pPr>
      <w:r>
        <w:rPr>
          <w:rFonts w:asciiTheme="minorHAnsi" w:hAnsiTheme="minorHAnsi"/>
          <w:sz w:val="24"/>
          <w:szCs w:val="24"/>
        </w:rPr>
        <w:t>The yoga activities I engage in may be provided to me on line or by similar electronic, video, or digital means.</w:t>
      </w:r>
      <w:r w:rsidR="001F28B9">
        <w:rPr>
          <w:rFonts w:asciiTheme="minorHAnsi" w:hAnsiTheme="minorHAnsi"/>
          <w:sz w:val="24"/>
          <w:szCs w:val="24"/>
        </w:rPr>
        <w:t xml:space="preserve"> I understand, acknowledge and accept </w:t>
      </w:r>
      <w:r>
        <w:rPr>
          <w:rFonts w:asciiTheme="minorHAnsi" w:hAnsiTheme="minorHAnsi"/>
          <w:sz w:val="24"/>
          <w:szCs w:val="24"/>
        </w:rPr>
        <w:t>that this type of activity may have disruptions in service, may be impacted by the nature and quality of the transmission,</w:t>
      </w:r>
      <w:r w:rsidR="001F28B9">
        <w:rPr>
          <w:rFonts w:asciiTheme="minorHAnsi" w:hAnsiTheme="minorHAnsi"/>
          <w:sz w:val="24"/>
          <w:szCs w:val="24"/>
        </w:rPr>
        <w:t xml:space="preserve"> </w:t>
      </w:r>
      <w:r>
        <w:rPr>
          <w:rFonts w:asciiTheme="minorHAnsi" w:hAnsiTheme="minorHAnsi"/>
          <w:sz w:val="24"/>
          <w:szCs w:val="24"/>
        </w:rPr>
        <w:t xml:space="preserve">may not afford me the ability to see, perceive, or comprehend certain visual, audio, or physical </w:t>
      </w:r>
      <w:r w:rsidR="001F28B9">
        <w:rPr>
          <w:rFonts w:asciiTheme="minorHAnsi" w:hAnsiTheme="minorHAnsi"/>
          <w:sz w:val="24"/>
          <w:szCs w:val="24"/>
        </w:rPr>
        <w:t xml:space="preserve">cues, instructions, conditions, or other elements of the services provided by </w:t>
      </w:r>
      <w:r w:rsidR="00372827">
        <w:rPr>
          <w:rFonts w:asciiTheme="minorHAnsi" w:hAnsiTheme="minorHAnsi"/>
          <w:sz w:val="24"/>
          <w:szCs w:val="24"/>
        </w:rPr>
        <w:t>Santosha Mindfulness/Kimberly Pavlik</w:t>
      </w:r>
      <w:r w:rsidR="001F28B9">
        <w:rPr>
          <w:rFonts w:asciiTheme="minorHAnsi" w:hAnsiTheme="minorHAnsi"/>
          <w:sz w:val="24"/>
          <w:szCs w:val="24"/>
        </w:rPr>
        <w:t xml:space="preserve">, and/or may not provide you an opportunity or ability to perceive and/or render assistance in the event of an emergency or other situation that requires </w:t>
      </w:r>
      <w:r w:rsidR="00A3766A">
        <w:rPr>
          <w:rFonts w:asciiTheme="minorHAnsi" w:hAnsiTheme="minorHAnsi"/>
          <w:sz w:val="24"/>
          <w:szCs w:val="24"/>
        </w:rPr>
        <w:t xml:space="preserve">prompt or </w:t>
      </w:r>
      <w:r w:rsidR="001F28B9">
        <w:rPr>
          <w:rFonts w:asciiTheme="minorHAnsi" w:hAnsiTheme="minorHAnsi"/>
          <w:sz w:val="24"/>
          <w:szCs w:val="24"/>
        </w:rPr>
        <w:t xml:space="preserve">immediate </w:t>
      </w:r>
      <w:r w:rsidR="00A3766A">
        <w:rPr>
          <w:rFonts w:asciiTheme="minorHAnsi" w:hAnsiTheme="minorHAnsi"/>
          <w:sz w:val="24"/>
          <w:szCs w:val="24"/>
        </w:rPr>
        <w:t>attention</w:t>
      </w:r>
      <w:r w:rsidR="001F28B9">
        <w:rPr>
          <w:rFonts w:asciiTheme="minorHAnsi" w:hAnsiTheme="minorHAnsi"/>
          <w:sz w:val="24"/>
          <w:szCs w:val="24"/>
        </w:rPr>
        <w:t>.</w:t>
      </w:r>
      <w:r w:rsidR="00A3766A">
        <w:rPr>
          <w:rFonts w:asciiTheme="minorHAnsi" w:hAnsiTheme="minorHAnsi"/>
          <w:sz w:val="24"/>
          <w:szCs w:val="24"/>
        </w:rPr>
        <w:t xml:space="preserve"> I understand that I have assumed the risk of such a situation and I will take steps to avoid or deal with such situations at my location, as well as </w:t>
      </w:r>
      <w:proofErr w:type="gramStart"/>
      <w:r w:rsidR="00A3766A">
        <w:rPr>
          <w:rFonts w:asciiTheme="minorHAnsi" w:hAnsiTheme="minorHAnsi"/>
          <w:sz w:val="24"/>
          <w:szCs w:val="24"/>
        </w:rPr>
        <w:t>providing to</w:t>
      </w:r>
      <w:proofErr w:type="gramEnd"/>
      <w:r w:rsidR="00A3766A">
        <w:rPr>
          <w:rFonts w:asciiTheme="minorHAnsi" w:hAnsiTheme="minorHAnsi"/>
          <w:sz w:val="24"/>
          <w:szCs w:val="24"/>
        </w:rPr>
        <w:t xml:space="preserve"> </w:t>
      </w:r>
      <w:r w:rsidR="00372827">
        <w:rPr>
          <w:rFonts w:asciiTheme="minorHAnsi" w:hAnsiTheme="minorHAnsi"/>
          <w:sz w:val="24"/>
          <w:szCs w:val="24"/>
        </w:rPr>
        <w:t>Santosha Mindfulness/Kimberly Pavlik</w:t>
      </w:r>
      <w:r w:rsidR="00A3766A">
        <w:rPr>
          <w:rFonts w:asciiTheme="minorHAnsi" w:hAnsiTheme="minorHAnsi"/>
          <w:sz w:val="24"/>
          <w:szCs w:val="24"/>
        </w:rPr>
        <w:t xml:space="preserve"> such information I have regarding any condition that exists or I believe may arise during these yoga activities. </w:t>
      </w:r>
    </w:p>
    <w:p w14:paraId="1B5F2EE6" w14:textId="50833111" w:rsidR="00CC51E6" w:rsidRPr="00891B09" w:rsidRDefault="00CC51E6" w:rsidP="00CC51E6">
      <w:pPr>
        <w:spacing w:before="100" w:beforeAutospacing="1" w:after="100" w:afterAutospacing="1" w:line="312" w:lineRule="atLeast"/>
        <w:jc w:val="both"/>
        <w:rPr>
          <w:rFonts w:eastAsia="Times New Roman" w:cs="Times New Roman"/>
          <w:sz w:val="24"/>
          <w:szCs w:val="24"/>
          <w:lang w:val="en"/>
        </w:rPr>
      </w:pPr>
      <w:r w:rsidRPr="00A07314">
        <w:rPr>
          <w:rFonts w:eastAsia="Times New Roman" w:cs="Times New Roman"/>
          <w:sz w:val="24"/>
          <w:szCs w:val="24"/>
          <w:lang w:val="en"/>
        </w:rPr>
        <w:t> </w:t>
      </w:r>
      <w:r w:rsidRPr="00891B09">
        <w:rPr>
          <w:rFonts w:eastAsia="Times New Roman" w:cs="Times New Roman"/>
          <w:sz w:val="24"/>
          <w:szCs w:val="24"/>
          <w:lang w:val="en"/>
        </w:rPr>
        <w:t xml:space="preserve">I understand that participation in classes includes possible exposure to infectious diseases including but not limited to MRSA, influenza, and COVID-19. While there are and may be </w:t>
      </w:r>
      <w:r w:rsidRPr="00891B09">
        <w:rPr>
          <w:rFonts w:eastAsia="Times New Roman" w:cs="Times New Roman"/>
          <w:sz w:val="24"/>
          <w:szCs w:val="24"/>
          <w:lang w:val="en"/>
        </w:rPr>
        <w:lastRenderedPageBreak/>
        <w:t>established, either by governmental action, the studio, the instructor, or otherwise,  certain rules, regulations, protocols, procedures and restrictions, as applicable to the studio, the instructor, and me, as the student, the purpose of which is to reduce the risk of infection, there is a risk of serious illness and death. I understand and freely assume this risk, as well as the responsibility of complying with all rules, regulations, protocols, procedures and restrictions, whoever or whatever established them. I knowingly and freely assume the risk of infection, even if it arises from the negligence of anyone else, including but not limited to the studio and the instructor, and I waive and release [</w:t>
      </w:r>
      <w:r w:rsidR="00372827">
        <w:rPr>
          <w:rFonts w:eastAsia="Times New Roman" w:cs="Times New Roman"/>
          <w:sz w:val="24"/>
          <w:szCs w:val="24"/>
          <w:lang w:val="en"/>
        </w:rPr>
        <w:t>Santosha Mindfulness/Kimberly Pavlik</w:t>
      </w:r>
      <w:r w:rsidRPr="00891B09">
        <w:rPr>
          <w:rFonts w:eastAsia="Times New Roman" w:cs="Times New Roman"/>
          <w:sz w:val="24"/>
          <w:szCs w:val="24"/>
          <w:u w:val="single"/>
          <w:lang w:val="en"/>
        </w:rPr>
        <w:t>]</w:t>
      </w:r>
      <w:r w:rsidRPr="00891B09">
        <w:rPr>
          <w:rFonts w:eastAsia="Times New Roman" w:cs="Times New Roman"/>
          <w:sz w:val="24"/>
          <w:szCs w:val="24"/>
          <w:lang w:val="en"/>
        </w:rPr>
        <w:t xml:space="preserve">, as well as its staff, the instructor and any other person or entity involved in arranging, conducting, or providing any services in any way for the yoga session or instruction, regarding any claim, injury, disability, death, as well as any loss or damage to person or property, that might result from exposure to any communicable disease.  </w:t>
      </w:r>
    </w:p>
    <w:p w14:paraId="1B5F2EE7" w14:textId="77777777" w:rsidR="00CC51E6" w:rsidRDefault="00CC51E6" w:rsidP="00CC51E6">
      <w:pPr>
        <w:spacing w:before="100" w:beforeAutospacing="1" w:after="100" w:afterAutospacing="1" w:line="312" w:lineRule="atLeast"/>
        <w:jc w:val="both"/>
        <w:rPr>
          <w:rFonts w:eastAsia="Times New Roman" w:cs="Times New Roman"/>
          <w:sz w:val="24"/>
          <w:szCs w:val="24"/>
          <w:lang w:val="en"/>
        </w:rPr>
      </w:pPr>
      <w:r w:rsidRPr="00891B09">
        <w:rPr>
          <w:rFonts w:eastAsia="Times New Roman" w:cs="Times New Roman"/>
          <w:sz w:val="24"/>
          <w:szCs w:val="24"/>
          <w:lang w:val="en"/>
        </w:rPr>
        <w:t>I also understand and agree that, if I observe, become aware of, or in any way have or gain knowledge of any unusual or significant hazard during my presence or participation, including but not limited to the presence of any communicable disease, I will remove myself from participation and bring such to the attention of the instructor and/or nearest representative of the studio immediately.</w:t>
      </w:r>
      <w:r>
        <w:rPr>
          <w:rFonts w:eastAsia="Times New Roman" w:cs="Times New Roman"/>
          <w:sz w:val="24"/>
          <w:szCs w:val="24"/>
          <w:lang w:val="en"/>
        </w:rPr>
        <w:t xml:space="preserve"> </w:t>
      </w:r>
    </w:p>
    <w:p w14:paraId="1B5F2EE8" w14:textId="77777777" w:rsidR="003522E8" w:rsidRDefault="00A356C0" w:rsidP="00FC6296">
      <w:pPr>
        <w:pStyle w:val="BodyText"/>
        <w:spacing w:after="120"/>
        <w:jc w:val="both"/>
        <w:rPr>
          <w:rFonts w:asciiTheme="minorHAnsi" w:hAnsiTheme="minorHAnsi"/>
          <w:sz w:val="24"/>
          <w:szCs w:val="24"/>
        </w:rPr>
      </w:pPr>
      <w:r>
        <w:rPr>
          <w:rFonts w:asciiTheme="minorHAnsi" w:hAnsiTheme="minorHAnsi"/>
          <w:sz w:val="24"/>
          <w:szCs w:val="24"/>
        </w:rPr>
        <w:t xml:space="preserve">I also understand that, during the course of the yoga activities, you may receive in some form information about me that would be considered as confidential or protected, including but not limited to medical, financial and personal information. This would include any </w:t>
      </w:r>
      <w:r w:rsidR="00BA0C29">
        <w:rPr>
          <w:rFonts w:asciiTheme="minorHAnsi" w:hAnsiTheme="minorHAnsi"/>
          <w:sz w:val="24"/>
          <w:szCs w:val="24"/>
        </w:rPr>
        <w:t xml:space="preserve">such information that may be communicated during or pursuant to yoga </w:t>
      </w:r>
      <w:r>
        <w:rPr>
          <w:rFonts w:asciiTheme="minorHAnsi" w:hAnsiTheme="minorHAnsi"/>
          <w:sz w:val="24"/>
          <w:szCs w:val="24"/>
        </w:rPr>
        <w:t xml:space="preserve">activities I engage in on line or by similar electronic, video, or digital means. </w:t>
      </w:r>
      <w:r w:rsidR="00BA0C29">
        <w:rPr>
          <w:rFonts w:asciiTheme="minorHAnsi" w:hAnsiTheme="minorHAnsi"/>
          <w:sz w:val="24"/>
          <w:szCs w:val="24"/>
        </w:rPr>
        <w:t xml:space="preserve"> I acknowledge that I have responsibility to protect and prevent the disclosure of any such i</w:t>
      </w:r>
      <w:r w:rsidR="003522E8">
        <w:rPr>
          <w:rFonts w:asciiTheme="minorHAnsi" w:hAnsiTheme="minorHAnsi"/>
          <w:sz w:val="24"/>
          <w:szCs w:val="24"/>
        </w:rPr>
        <w:t>nformation.</w:t>
      </w:r>
    </w:p>
    <w:p w14:paraId="1B5F2EE9" w14:textId="77777777" w:rsidR="003522E8" w:rsidRDefault="003522E8" w:rsidP="00FC6296">
      <w:pPr>
        <w:pStyle w:val="BodyText"/>
        <w:spacing w:after="120"/>
        <w:jc w:val="both"/>
        <w:rPr>
          <w:rFonts w:asciiTheme="minorHAnsi" w:hAnsiTheme="minorHAnsi"/>
          <w:sz w:val="24"/>
          <w:szCs w:val="24"/>
        </w:rPr>
      </w:pPr>
    </w:p>
    <w:p w14:paraId="1B5F2EEA" w14:textId="6CAC1DBE" w:rsidR="00B65D7A" w:rsidRPr="00FC6296" w:rsidRDefault="00150E4F" w:rsidP="00FC6296">
      <w:pPr>
        <w:pStyle w:val="BodyText"/>
        <w:spacing w:after="120"/>
        <w:jc w:val="both"/>
        <w:rPr>
          <w:rFonts w:asciiTheme="minorHAnsi" w:hAnsiTheme="minorHAnsi"/>
          <w:sz w:val="24"/>
          <w:szCs w:val="24"/>
        </w:rPr>
      </w:pPr>
      <w:r w:rsidRPr="00FC6296">
        <w:rPr>
          <w:rFonts w:asciiTheme="minorHAnsi" w:hAnsiTheme="minorHAnsi"/>
          <w:sz w:val="24"/>
          <w:szCs w:val="24"/>
        </w:rPr>
        <w:t xml:space="preserve">I have read and fully understand and agree to the above terms of this Liability Waiver Agreement. I am signing this agreement voluntarily and recognize that my signature serves as complete and unconditional release of all liability to the greatest extent allowed by law in the State of </w:t>
      </w:r>
      <w:r w:rsidR="00372827">
        <w:rPr>
          <w:rFonts w:asciiTheme="minorHAnsi" w:hAnsiTheme="minorHAnsi"/>
          <w:sz w:val="24"/>
          <w:szCs w:val="24"/>
        </w:rPr>
        <w:t>South Carolina</w:t>
      </w:r>
      <w:r w:rsidRPr="00FC6296">
        <w:rPr>
          <w:rFonts w:asciiTheme="minorHAnsi" w:hAnsiTheme="minorHAnsi"/>
          <w:sz w:val="24"/>
          <w:szCs w:val="24"/>
        </w:rPr>
        <w:t>.</w:t>
      </w:r>
      <w:r w:rsidRPr="00FC6296">
        <w:rPr>
          <w:rFonts w:asciiTheme="minorHAnsi" w:hAnsiTheme="minorHAnsi"/>
          <w:sz w:val="24"/>
          <w:szCs w:val="24"/>
        </w:rPr>
        <w:br/>
      </w:r>
      <w:r w:rsidRPr="00FC6296">
        <w:rPr>
          <w:rFonts w:asciiTheme="minorHAnsi" w:hAnsiTheme="minorHAnsi"/>
          <w:sz w:val="24"/>
          <w:szCs w:val="24"/>
        </w:rPr>
        <w:br/>
      </w:r>
      <w:r w:rsidRPr="00FC6296">
        <w:rPr>
          <w:rFonts w:asciiTheme="minorHAnsi" w:hAnsiTheme="minorHAnsi"/>
          <w:b/>
          <w:bCs/>
          <w:sz w:val="24"/>
          <w:szCs w:val="24"/>
        </w:rPr>
        <w:t>Signature:</w:t>
      </w:r>
      <w:r w:rsidRPr="00FC6296">
        <w:rPr>
          <w:rFonts w:asciiTheme="minorHAnsi" w:hAnsiTheme="minorHAnsi"/>
          <w:sz w:val="24"/>
          <w:szCs w:val="24"/>
        </w:rPr>
        <w:t xml:space="preserve"> </w:t>
      </w:r>
      <w:r w:rsidRPr="00FC6296">
        <w:rPr>
          <w:rFonts w:asciiTheme="minorHAnsi" w:hAnsiTheme="minorHAnsi"/>
          <w:sz w:val="24"/>
          <w:szCs w:val="24"/>
        </w:rPr>
        <w:br/>
      </w:r>
      <w:r w:rsidRPr="00FC6296">
        <w:rPr>
          <w:rFonts w:asciiTheme="minorHAnsi" w:hAnsiTheme="minorHAnsi"/>
          <w:sz w:val="24"/>
          <w:szCs w:val="24"/>
        </w:rPr>
        <w:br/>
        <w:t>_______________</w:t>
      </w:r>
      <w:r w:rsidR="00FC6296">
        <w:rPr>
          <w:rFonts w:asciiTheme="minorHAnsi" w:hAnsiTheme="minorHAnsi"/>
          <w:sz w:val="24"/>
          <w:szCs w:val="24"/>
        </w:rPr>
        <w:t xml:space="preserve">_______________________________          </w:t>
      </w:r>
      <w:r w:rsidRPr="00FC6296">
        <w:rPr>
          <w:rFonts w:asciiTheme="minorHAnsi" w:hAnsiTheme="minorHAnsi"/>
          <w:b/>
          <w:bCs/>
          <w:sz w:val="24"/>
          <w:szCs w:val="24"/>
        </w:rPr>
        <w:t>Date:</w:t>
      </w:r>
      <w:r w:rsidR="00372827">
        <w:rPr>
          <w:rFonts w:asciiTheme="minorHAnsi" w:hAnsiTheme="minorHAnsi"/>
          <w:b/>
          <w:bCs/>
          <w:sz w:val="24"/>
          <w:szCs w:val="24"/>
        </w:rPr>
        <w:t xml:space="preserve"> _____________</w:t>
      </w:r>
    </w:p>
    <w:sectPr w:rsidR="00B65D7A" w:rsidRPr="00FC6296" w:rsidSect="00593F8E">
      <w:headerReference w:type="default" r:id="rId7"/>
      <w:footerReference w:type="default" r:id="rId8"/>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74AC1A4" w14:textId="77777777" w:rsidR="006D0266" w:rsidRDefault="006D0266" w:rsidP="00E336ED">
      <w:pPr>
        <w:spacing w:after="0" w:line="240" w:lineRule="auto"/>
      </w:pPr>
      <w:r>
        <w:separator/>
      </w:r>
    </w:p>
  </w:endnote>
  <w:endnote w:type="continuationSeparator" w:id="0">
    <w:p w14:paraId="31FA7B0C" w14:textId="77777777" w:rsidR="006D0266" w:rsidRDefault="006D0266" w:rsidP="00E336ED">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5F2EF2" w14:textId="77777777" w:rsidR="00E336ED" w:rsidRDefault="00E336ED">
    <w:pPr>
      <w:pStyle w:val="Footer"/>
    </w:pPr>
  </w:p>
  <w:p w14:paraId="1B5F2EF3" w14:textId="77777777" w:rsidR="00E336ED" w:rsidRDefault="00E336ED" w:rsidP="00E336ED">
    <w:pPr>
      <w:pStyle w:val="Footer"/>
    </w:pPr>
    <w:r>
      <w:rPr>
        <w:sz w:val="18"/>
      </w:rPr>
      <w:fldChar w:fldCharType="begin"/>
    </w:r>
    <w:r>
      <w:rPr>
        <w:sz w:val="18"/>
      </w:rPr>
      <w:instrText xml:space="preserve"> </w:instrText>
    </w:r>
    <w:r w:rsidRPr="00E336ED">
      <w:rPr>
        <w:sz w:val="18"/>
      </w:rPr>
      <w:instrText>IF "</w:instrText>
    </w:r>
    <w:r w:rsidRPr="00E336ED">
      <w:rPr>
        <w:sz w:val="18"/>
      </w:rPr>
      <w:fldChar w:fldCharType="begin"/>
    </w:r>
    <w:r w:rsidRPr="00E336ED">
      <w:rPr>
        <w:sz w:val="18"/>
      </w:rPr>
      <w:instrText xml:space="preserve"> DOCVARIABLE "SWDocIDLocation" </w:instrText>
    </w:r>
    <w:r w:rsidRPr="00E336ED">
      <w:rPr>
        <w:sz w:val="18"/>
      </w:rPr>
      <w:fldChar w:fldCharType="separate"/>
    </w:r>
    <w:r w:rsidR="00CC51E6">
      <w:rPr>
        <w:sz w:val="18"/>
      </w:rPr>
      <w:instrText>1</w:instrText>
    </w:r>
    <w:r w:rsidRPr="00E336ED">
      <w:rPr>
        <w:sz w:val="18"/>
      </w:rPr>
      <w:fldChar w:fldCharType="end"/>
    </w:r>
    <w:r w:rsidRPr="00E336ED">
      <w:rPr>
        <w:sz w:val="18"/>
      </w:rPr>
      <w:instrText>" = "1" "</w:instrText>
    </w:r>
    <w:r w:rsidRPr="00E336ED">
      <w:rPr>
        <w:sz w:val="18"/>
      </w:rPr>
      <w:fldChar w:fldCharType="begin"/>
    </w:r>
    <w:r w:rsidRPr="00E336ED">
      <w:rPr>
        <w:sz w:val="18"/>
      </w:rPr>
      <w:instrText xml:space="preserve"> DOCPROPERTY "SWDocID" </w:instrText>
    </w:r>
    <w:r w:rsidRPr="00E336ED">
      <w:rPr>
        <w:sz w:val="18"/>
      </w:rPr>
      <w:fldChar w:fldCharType="separate"/>
    </w:r>
    <w:r w:rsidR="00CC51E6">
      <w:rPr>
        <w:sz w:val="18"/>
      </w:rPr>
      <w:instrText>11104683v.1</w:instrText>
    </w:r>
    <w:r w:rsidRPr="00E336ED">
      <w:rPr>
        <w:sz w:val="18"/>
      </w:rPr>
      <w:fldChar w:fldCharType="end"/>
    </w:r>
    <w:r w:rsidRPr="00E336ED">
      <w:rPr>
        <w:sz w:val="18"/>
      </w:rPr>
      <w:instrText>" ""</w:instrText>
    </w:r>
    <w:r>
      <w:rPr>
        <w:sz w:val="18"/>
      </w:rPr>
      <w:instrText xml:space="preserve"> </w:instrText>
    </w:r>
    <w:r>
      <w:rPr>
        <w:sz w:val="18"/>
      </w:rPr>
      <w:fldChar w:fldCharType="separate"/>
    </w:r>
    <w:r w:rsidR="00CC51E6">
      <w:rPr>
        <w:noProof/>
        <w:sz w:val="18"/>
      </w:rPr>
      <w:t>11104683v.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CF232F3" w14:textId="77777777" w:rsidR="006D0266" w:rsidRDefault="006D0266" w:rsidP="00E336ED">
      <w:pPr>
        <w:spacing w:after="0" w:line="240" w:lineRule="auto"/>
      </w:pPr>
      <w:r>
        <w:separator/>
      </w:r>
    </w:p>
  </w:footnote>
  <w:footnote w:type="continuationSeparator" w:id="0">
    <w:p w14:paraId="426A65DA" w14:textId="77777777" w:rsidR="006D0266" w:rsidRDefault="006D0266" w:rsidP="00E336ED">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5F2EF0" w14:textId="18F99EC1" w:rsidR="00E336ED" w:rsidRDefault="00EC4452">
    <w:pPr>
      <w:pStyle w:val="Header"/>
    </w:pPr>
    <w:r>
      <w:rPr>
        <w:noProof/>
      </w:rPr>
      <mc:AlternateContent>
        <mc:Choice Requires="wps">
          <w:drawing>
            <wp:anchor distT="0" distB="0" distL="118745" distR="118745" simplePos="0" relativeHeight="251659264" behindDoc="1" locked="0" layoutInCell="1" allowOverlap="0" wp14:anchorId="3B4C10FB" wp14:editId="70342FDE">
              <wp:simplePos x="0" y="0"/>
              <wp:positionH relativeFrom="margin">
                <wp:align>center</wp:align>
              </wp:positionH>
              <mc:AlternateContent>
                <mc:Choice Requires="wp14">
                  <wp:positionV relativeFrom="page">
                    <wp14:pctPosVOffset>4500</wp14:pctPosVOffset>
                  </wp:positionV>
                </mc:Choice>
                <mc:Fallback>
                  <wp:positionV relativeFrom="page">
                    <wp:posOffset>452120</wp:posOffset>
                  </wp:positionV>
                </mc:Fallback>
              </mc:AlternateContent>
              <wp:extent cx="5950039" cy="270457"/>
              <wp:effectExtent l="0" t="0" r="0" b="7620"/>
              <wp:wrapSquare wrapText="bothSides"/>
              <wp:docPr id="197" name="Rectangle 200"/>
              <wp:cNvGraphicFramePr/>
              <a:graphic xmlns:a="http://schemas.openxmlformats.org/drawingml/2006/main">
                <a:graphicData uri="http://schemas.microsoft.com/office/word/2010/wordprocessingShape">
                  <wps:wsp>
                    <wps:cNvSpPr/>
                    <wps:spPr>
                      <a:xfrm>
                        <a:off x="0" y="0"/>
                        <a:ext cx="5950039" cy="270457"/>
                      </a:xfrm>
                      <a:prstGeom prst="rect">
                        <a:avLst/>
                      </a:prstGeom>
                      <a:solidFill>
                        <a:schemeClr val="accent1"/>
                      </a:solidFill>
                      <a:ln>
                        <a:noFill/>
                      </a:ln>
                    </wps:spPr>
                    <wps:style>
                      <a:lnRef idx="2">
                        <a:schemeClr val="accent1">
                          <a:shade val="50000"/>
                        </a:schemeClr>
                      </a:lnRef>
                      <a:fillRef idx="1">
                        <a:schemeClr val="accent1"/>
                      </a:fillRef>
                      <a:effectRef idx="0">
                        <a:schemeClr val="accent1"/>
                      </a:effectRef>
                      <a:fontRef idx="minor">
                        <a:schemeClr val="lt1"/>
                      </a:fontRef>
                    </wps:style>
                    <wps:txbx>
                      <w:txbxContent>
                        <w:sdt>
                          <w:sdtPr>
                            <w:rPr>
                              <w:caps/>
                              <w:color w:val="FFFFFF" w:themeColor="background1"/>
                            </w:rPr>
                            <w:alias w:val="Title"/>
                            <w:tag w:val=""/>
                            <w:id w:val="1189017394"/>
                            <w:dataBinding w:prefixMappings="xmlns:ns0='http://purl.org/dc/elements/1.1/' xmlns:ns1='http://schemas.openxmlformats.org/package/2006/metadata/core-properties' " w:xpath="/ns1:coreProperties[1]/ns0:title[1]" w:storeItemID="{6C3C8BC8-F283-45AE-878A-BAB7291924A1}"/>
                            <w:text/>
                          </w:sdtPr>
                          <w:sdtContent>
                            <w:p w14:paraId="192297AB" w14:textId="1AFDFB60" w:rsidR="00EC4452" w:rsidRDefault="00EC4452">
                              <w:pPr>
                                <w:pStyle w:val="Header"/>
                                <w:tabs>
                                  <w:tab w:val="clear" w:pos="4680"/>
                                  <w:tab w:val="clear" w:pos="9360"/>
                                </w:tabs>
                                <w:jc w:val="center"/>
                                <w:rPr>
                                  <w:caps/>
                                  <w:color w:val="FFFFFF" w:themeColor="background1"/>
                                </w:rPr>
                              </w:pPr>
                              <w:r>
                                <w:rPr>
                                  <w:caps/>
                                  <w:color w:val="FFFFFF" w:themeColor="background1"/>
                                </w:rPr>
                                <w:t>Waiver</w:t>
                              </w:r>
                            </w:p>
                          </w:sdtContent>
                        </w:sdt>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spAutoFit/>
                    </wps:bodyPr>
                  </wps:wsp>
                </a:graphicData>
              </a:graphic>
              <wp14:sizeRelH relativeFrom="margin">
                <wp14:pctWidth>100000</wp14:pctWidth>
              </wp14:sizeRelH>
              <wp14:sizeRelV relativeFrom="page">
                <wp14:pctHeight>2700</wp14:pctHeight>
              </wp14:sizeRelV>
            </wp:anchor>
          </w:drawing>
        </mc:Choice>
        <mc:Fallback>
          <w:pict>
            <v:rect w14:anchorId="3B4C10FB" id="Rectangle 200" o:spid="_x0000_s1026" style="position:absolute;margin-left:0;margin-top:0;width:468.5pt;height:21.3pt;z-index:-251657216;visibility:visible;mso-wrap-style:square;mso-width-percent:1000;mso-height-percent:27;mso-top-percent:45;mso-wrap-distance-left:9.35pt;mso-wrap-distance-top:0;mso-wrap-distance-right:9.35pt;mso-wrap-distance-bottom:0;mso-position-horizontal:center;mso-position-horizontal-relative:margin;mso-position-vertical-relative:page;mso-width-percent:1000;mso-height-percent:27;mso-top-percent:45;mso-width-relative:margin;mso-height-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" o:allowoverlap="f" fillcolor="#4f81bd [3204]" stroked="f" strokeweight="2pt">
              <v:textbox style="mso-fit-shape-to-text:t">
                <w:txbxContent>
                  <w:sdt>
                    <w:sdtPr>
                      <w:rPr>
                        <w:caps/>
                        <w:color w:val="FFFFFF" w:themeColor="background1"/>
                      </w:rPr>
                      <w:alias w:val="Title"/>
                      <w:tag w:val=""/>
                      <w:id w:val="1189017394"/>
                      <w:dataBinding w:prefixMappings="xmlns:ns0='http://purl.org/dc/elements/1.1/' xmlns:ns1='http://schemas.openxmlformats.org/package/2006/metadata/core-properties' " w:xpath="/ns1:coreProperties[1]/ns0:title[1]" w:storeItemID="{6C3C8BC8-F283-45AE-878A-BAB7291924A1}"/>
                      <w:text/>
                    </w:sdtPr>
                    <w:sdtContent>
                      <w:p w14:paraId="192297AB" w14:textId="1AFDFB60" w:rsidR="00EC4452" w:rsidRDefault="00EC4452">
                        <w:pPr>
                          <w:pStyle w:val="Header"/>
                          <w:tabs>
                            <w:tab w:val="clear" w:pos="4680"/>
                            <w:tab w:val="clear" w:pos="9360"/>
                          </w:tabs>
                          <w:jc w:val="center"/>
                          <w:rPr>
                            <w:caps/>
                            <w:color w:val="FFFFFF" w:themeColor="background1"/>
                          </w:rPr>
                        </w:pPr>
                        <w:r>
                          <w:rPr>
                            <w:caps/>
                            <w:color w:val="FFFFFF" w:themeColor="background1"/>
                          </w:rPr>
                          <w:t>Waiver</w:t>
                        </w:r>
                      </w:p>
                    </w:sdtContent>
                  </w:sdt>
                </w:txbxContent>
              </v:textbox>
              <w10:wrap type="square" anchorx="margin" anchory="page"/>
            </v:rect>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D93C709A"/>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A57ACEBE"/>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37A6578A"/>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B650A6FA"/>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194E4454"/>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87E5E18"/>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9566FFF4"/>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27AB7C6"/>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4343568"/>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49C8FFB6"/>
    <w:lvl w:ilvl="0">
      <w:start w:val="1"/>
      <w:numFmt w:val="bullet"/>
      <w:lvlText w:val=""/>
      <w:lvlJc w:val="left"/>
      <w:pPr>
        <w:tabs>
          <w:tab w:val="num" w:pos="360"/>
        </w:tabs>
        <w:ind w:left="360" w:hanging="360"/>
      </w:pPr>
      <w:rPr>
        <w:rFonts w:ascii="Symbol" w:hAnsi="Symbol" w:hint="default"/>
      </w:rPr>
    </w:lvl>
  </w:abstractNum>
  <w:num w:numId="1" w16cid:durableId="623270893">
    <w:abstractNumId w:val="9"/>
  </w:num>
  <w:num w:numId="2" w16cid:durableId="729033132">
    <w:abstractNumId w:val="7"/>
  </w:num>
  <w:num w:numId="3" w16cid:durableId="1669944653">
    <w:abstractNumId w:val="6"/>
  </w:num>
  <w:num w:numId="4" w16cid:durableId="1560021003">
    <w:abstractNumId w:val="5"/>
  </w:num>
  <w:num w:numId="5" w16cid:durableId="1774475020">
    <w:abstractNumId w:val="4"/>
  </w:num>
  <w:num w:numId="6" w16cid:durableId="1398473627">
    <w:abstractNumId w:val="8"/>
  </w:num>
  <w:num w:numId="7" w16cid:durableId="185142628">
    <w:abstractNumId w:val="3"/>
  </w:num>
  <w:num w:numId="8" w16cid:durableId="995036136">
    <w:abstractNumId w:val="2"/>
  </w:num>
  <w:num w:numId="9" w16cid:durableId="539559679">
    <w:abstractNumId w:val="1"/>
  </w:num>
  <w:num w:numId="10" w16cid:durableId="707336404">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grammar="clean"/>
  <w:stylePaneSortMethod w:val="00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2"/>
    <w:docVar w:name="SWDocIDLocation" w:val="1"/>
  </w:docVars>
  <w:rsids>
    <w:rsidRoot w:val="00150E4F"/>
    <w:rsid w:val="00000269"/>
    <w:rsid w:val="000041D1"/>
    <w:rsid w:val="0000473E"/>
    <w:rsid w:val="00005519"/>
    <w:rsid w:val="00010AAC"/>
    <w:rsid w:val="00010D4D"/>
    <w:rsid w:val="0001428E"/>
    <w:rsid w:val="000144CB"/>
    <w:rsid w:val="0001505D"/>
    <w:rsid w:val="00016E9E"/>
    <w:rsid w:val="00020DC7"/>
    <w:rsid w:val="00025CEE"/>
    <w:rsid w:val="00027455"/>
    <w:rsid w:val="00027FA7"/>
    <w:rsid w:val="000301E9"/>
    <w:rsid w:val="00030FF9"/>
    <w:rsid w:val="000318C7"/>
    <w:rsid w:val="00031935"/>
    <w:rsid w:val="0003365D"/>
    <w:rsid w:val="00035463"/>
    <w:rsid w:val="000361BB"/>
    <w:rsid w:val="000406E4"/>
    <w:rsid w:val="00041B31"/>
    <w:rsid w:val="0004249F"/>
    <w:rsid w:val="0004277F"/>
    <w:rsid w:val="00043D8D"/>
    <w:rsid w:val="00043DA1"/>
    <w:rsid w:val="00050152"/>
    <w:rsid w:val="00051BE0"/>
    <w:rsid w:val="0005224D"/>
    <w:rsid w:val="00052F6C"/>
    <w:rsid w:val="00054211"/>
    <w:rsid w:val="00054A9A"/>
    <w:rsid w:val="00055375"/>
    <w:rsid w:val="00055405"/>
    <w:rsid w:val="00055FB3"/>
    <w:rsid w:val="000566EE"/>
    <w:rsid w:val="00056FB7"/>
    <w:rsid w:val="00057385"/>
    <w:rsid w:val="00060C35"/>
    <w:rsid w:val="0006124E"/>
    <w:rsid w:val="00061298"/>
    <w:rsid w:val="000631F0"/>
    <w:rsid w:val="00066FCD"/>
    <w:rsid w:val="0006714F"/>
    <w:rsid w:val="00070247"/>
    <w:rsid w:val="000706DD"/>
    <w:rsid w:val="00075C87"/>
    <w:rsid w:val="00076B60"/>
    <w:rsid w:val="00077D8C"/>
    <w:rsid w:val="00081002"/>
    <w:rsid w:val="0008135A"/>
    <w:rsid w:val="0008167B"/>
    <w:rsid w:val="00082C51"/>
    <w:rsid w:val="00083336"/>
    <w:rsid w:val="00083A1C"/>
    <w:rsid w:val="00086246"/>
    <w:rsid w:val="000867F1"/>
    <w:rsid w:val="0008743D"/>
    <w:rsid w:val="00087FA9"/>
    <w:rsid w:val="0009345A"/>
    <w:rsid w:val="00093B10"/>
    <w:rsid w:val="00096A5D"/>
    <w:rsid w:val="00097947"/>
    <w:rsid w:val="00097999"/>
    <w:rsid w:val="000A09BB"/>
    <w:rsid w:val="000A11E1"/>
    <w:rsid w:val="000A1F4E"/>
    <w:rsid w:val="000A2005"/>
    <w:rsid w:val="000A3384"/>
    <w:rsid w:val="000A7517"/>
    <w:rsid w:val="000A78E2"/>
    <w:rsid w:val="000B553A"/>
    <w:rsid w:val="000B5D68"/>
    <w:rsid w:val="000B7979"/>
    <w:rsid w:val="000C0A97"/>
    <w:rsid w:val="000C1B29"/>
    <w:rsid w:val="000C1E50"/>
    <w:rsid w:val="000C1F31"/>
    <w:rsid w:val="000C4C37"/>
    <w:rsid w:val="000C4C4A"/>
    <w:rsid w:val="000C5578"/>
    <w:rsid w:val="000C684F"/>
    <w:rsid w:val="000D58CC"/>
    <w:rsid w:val="000D732C"/>
    <w:rsid w:val="000D7D88"/>
    <w:rsid w:val="000E1308"/>
    <w:rsid w:val="000E29DC"/>
    <w:rsid w:val="000E2A31"/>
    <w:rsid w:val="000E2BF2"/>
    <w:rsid w:val="000E50D9"/>
    <w:rsid w:val="000E5308"/>
    <w:rsid w:val="000E5535"/>
    <w:rsid w:val="000E6FA0"/>
    <w:rsid w:val="000F05DB"/>
    <w:rsid w:val="000F0C26"/>
    <w:rsid w:val="000F1F9D"/>
    <w:rsid w:val="000F2B29"/>
    <w:rsid w:val="000F35B7"/>
    <w:rsid w:val="000F51E7"/>
    <w:rsid w:val="000F6337"/>
    <w:rsid w:val="000F6EF3"/>
    <w:rsid w:val="000F769B"/>
    <w:rsid w:val="00100161"/>
    <w:rsid w:val="00101FBE"/>
    <w:rsid w:val="00103EA4"/>
    <w:rsid w:val="001063D3"/>
    <w:rsid w:val="00107EB6"/>
    <w:rsid w:val="00113970"/>
    <w:rsid w:val="001147A3"/>
    <w:rsid w:val="00114917"/>
    <w:rsid w:val="0011604B"/>
    <w:rsid w:val="001223FC"/>
    <w:rsid w:val="001230F8"/>
    <w:rsid w:val="001232FB"/>
    <w:rsid w:val="00123E03"/>
    <w:rsid w:val="00125B73"/>
    <w:rsid w:val="00126156"/>
    <w:rsid w:val="001317F3"/>
    <w:rsid w:val="001331BA"/>
    <w:rsid w:val="00133A34"/>
    <w:rsid w:val="00135973"/>
    <w:rsid w:val="001360C6"/>
    <w:rsid w:val="00136459"/>
    <w:rsid w:val="0014206A"/>
    <w:rsid w:val="0014577F"/>
    <w:rsid w:val="001468AA"/>
    <w:rsid w:val="001475BD"/>
    <w:rsid w:val="00150E4F"/>
    <w:rsid w:val="00152A14"/>
    <w:rsid w:val="0015575A"/>
    <w:rsid w:val="001573BC"/>
    <w:rsid w:val="00162A64"/>
    <w:rsid w:val="00162FD9"/>
    <w:rsid w:val="001638CD"/>
    <w:rsid w:val="00164BA1"/>
    <w:rsid w:val="001652FB"/>
    <w:rsid w:val="0016555F"/>
    <w:rsid w:val="0017226E"/>
    <w:rsid w:val="00174699"/>
    <w:rsid w:val="00174DA6"/>
    <w:rsid w:val="00175E5F"/>
    <w:rsid w:val="00177567"/>
    <w:rsid w:val="00182368"/>
    <w:rsid w:val="001826F1"/>
    <w:rsid w:val="00183F9B"/>
    <w:rsid w:val="00185098"/>
    <w:rsid w:val="00185983"/>
    <w:rsid w:val="00185DD1"/>
    <w:rsid w:val="001860F8"/>
    <w:rsid w:val="001875E7"/>
    <w:rsid w:val="001877E0"/>
    <w:rsid w:val="00187CB1"/>
    <w:rsid w:val="00191183"/>
    <w:rsid w:val="001920BA"/>
    <w:rsid w:val="00193F50"/>
    <w:rsid w:val="00195C1D"/>
    <w:rsid w:val="00196FAE"/>
    <w:rsid w:val="001971D7"/>
    <w:rsid w:val="001A1D4B"/>
    <w:rsid w:val="001A2675"/>
    <w:rsid w:val="001A3A0F"/>
    <w:rsid w:val="001A4C65"/>
    <w:rsid w:val="001A4CF2"/>
    <w:rsid w:val="001A6B5F"/>
    <w:rsid w:val="001A71C3"/>
    <w:rsid w:val="001A7D63"/>
    <w:rsid w:val="001B020E"/>
    <w:rsid w:val="001B3559"/>
    <w:rsid w:val="001B39BF"/>
    <w:rsid w:val="001B611D"/>
    <w:rsid w:val="001B622A"/>
    <w:rsid w:val="001B659D"/>
    <w:rsid w:val="001C003E"/>
    <w:rsid w:val="001C118A"/>
    <w:rsid w:val="001C1822"/>
    <w:rsid w:val="001C1843"/>
    <w:rsid w:val="001C1959"/>
    <w:rsid w:val="001C3203"/>
    <w:rsid w:val="001C53F4"/>
    <w:rsid w:val="001C6DC1"/>
    <w:rsid w:val="001C6FED"/>
    <w:rsid w:val="001E0948"/>
    <w:rsid w:val="001E2532"/>
    <w:rsid w:val="001E2696"/>
    <w:rsid w:val="001E26C2"/>
    <w:rsid w:val="001E33C5"/>
    <w:rsid w:val="001E44B9"/>
    <w:rsid w:val="001E4AB9"/>
    <w:rsid w:val="001E4C4C"/>
    <w:rsid w:val="001E6637"/>
    <w:rsid w:val="001F0148"/>
    <w:rsid w:val="001F08E7"/>
    <w:rsid w:val="001F13FF"/>
    <w:rsid w:val="001F1C32"/>
    <w:rsid w:val="001F1C42"/>
    <w:rsid w:val="001F28B9"/>
    <w:rsid w:val="001F2DAD"/>
    <w:rsid w:val="001F3E9A"/>
    <w:rsid w:val="001F5C6C"/>
    <w:rsid w:val="001F60BD"/>
    <w:rsid w:val="002000AE"/>
    <w:rsid w:val="002015EC"/>
    <w:rsid w:val="00201A67"/>
    <w:rsid w:val="00202B9B"/>
    <w:rsid w:val="002040E3"/>
    <w:rsid w:val="00205ACC"/>
    <w:rsid w:val="00207A75"/>
    <w:rsid w:val="002107E7"/>
    <w:rsid w:val="00210BB2"/>
    <w:rsid w:val="00212FE0"/>
    <w:rsid w:val="00214344"/>
    <w:rsid w:val="00217553"/>
    <w:rsid w:val="00217A9B"/>
    <w:rsid w:val="00223AFA"/>
    <w:rsid w:val="002258A0"/>
    <w:rsid w:val="0023015C"/>
    <w:rsid w:val="002308F8"/>
    <w:rsid w:val="00230BF6"/>
    <w:rsid w:val="00233662"/>
    <w:rsid w:val="00233F65"/>
    <w:rsid w:val="002345AD"/>
    <w:rsid w:val="00234E66"/>
    <w:rsid w:val="00235E1C"/>
    <w:rsid w:val="00236D66"/>
    <w:rsid w:val="0023722E"/>
    <w:rsid w:val="002375DE"/>
    <w:rsid w:val="0024261E"/>
    <w:rsid w:val="00243986"/>
    <w:rsid w:val="00245730"/>
    <w:rsid w:val="00246B00"/>
    <w:rsid w:val="002503DE"/>
    <w:rsid w:val="00250BB4"/>
    <w:rsid w:val="002540D0"/>
    <w:rsid w:val="00255575"/>
    <w:rsid w:val="00255C3A"/>
    <w:rsid w:val="00257446"/>
    <w:rsid w:val="00260653"/>
    <w:rsid w:val="0026087F"/>
    <w:rsid w:val="002624D1"/>
    <w:rsid w:val="00263E94"/>
    <w:rsid w:val="0026640F"/>
    <w:rsid w:val="00270155"/>
    <w:rsid w:val="00270D5B"/>
    <w:rsid w:val="00271EC6"/>
    <w:rsid w:val="00272053"/>
    <w:rsid w:val="00274325"/>
    <w:rsid w:val="00274E08"/>
    <w:rsid w:val="0027538A"/>
    <w:rsid w:val="00276208"/>
    <w:rsid w:val="00276B54"/>
    <w:rsid w:val="00281A4A"/>
    <w:rsid w:val="002834BA"/>
    <w:rsid w:val="00285403"/>
    <w:rsid w:val="00290C42"/>
    <w:rsid w:val="00291A24"/>
    <w:rsid w:val="0029313C"/>
    <w:rsid w:val="00296328"/>
    <w:rsid w:val="00297DF6"/>
    <w:rsid w:val="002A04FA"/>
    <w:rsid w:val="002A0958"/>
    <w:rsid w:val="002A328A"/>
    <w:rsid w:val="002A45B4"/>
    <w:rsid w:val="002A4DE2"/>
    <w:rsid w:val="002A535F"/>
    <w:rsid w:val="002A5BB5"/>
    <w:rsid w:val="002A5EE1"/>
    <w:rsid w:val="002A71C1"/>
    <w:rsid w:val="002B1464"/>
    <w:rsid w:val="002B1F00"/>
    <w:rsid w:val="002B3237"/>
    <w:rsid w:val="002B3789"/>
    <w:rsid w:val="002B50E0"/>
    <w:rsid w:val="002B589D"/>
    <w:rsid w:val="002B5FB9"/>
    <w:rsid w:val="002C216C"/>
    <w:rsid w:val="002C3AE4"/>
    <w:rsid w:val="002C51ED"/>
    <w:rsid w:val="002C535E"/>
    <w:rsid w:val="002C5654"/>
    <w:rsid w:val="002C5B16"/>
    <w:rsid w:val="002C5FE3"/>
    <w:rsid w:val="002C63F8"/>
    <w:rsid w:val="002C7E73"/>
    <w:rsid w:val="002D26FE"/>
    <w:rsid w:val="002D26FF"/>
    <w:rsid w:val="002D31EF"/>
    <w:rsid w:val="002D3406"/>
    <w:rsid w:val="002D364E"/>
    <w:rsid w:val="002D3A74"/>
    <w:rsid w:val="002D53A4"/>
    <w:rsid w:val="002D609E"/>
    <w:rsid w:val="002D688A"/>
    <w:rsid w:val="002D73E6"/>
    <w:rsid w:val="002E0DD7"/>
    <w:rsid w:val="002E16A6"/>
    <w:rsid w:val="002E26AE"/>
    <w:rsid w:val="002E475A"/>
    <w:rsid w:val="002E5430"/>
    <w:rsid w:val="002E58A4"/>
    <w:rsid w:val="002E5EF0"/>
    <w:rsid w:val="002E6A28"/>
    <w:rsid w:val="002E726A"/>
    <w:rsid w:val="002E73AA"/>
    <w:rsid w:val="002F17CF"/>
    <w:rsid w:val="002F4C7B"/>
    <w:rsid w:val="002F4F02"/>
    <w:rsid w:val="002F5A1D"/>
    <w:rsid w:val="002F5D26"/>
    <w:rsid w:val="002F66F7"/>
    <w:rsid w:val="002F7161"/>
    <w:rsid w:val="002F77F7"/>
    <w:rsid w:val="00300D97"/>
    <w:rsid w:val="00300FC8"/>
    <w:rsid w:val="00302EE8"/>
    <w:rsid w:val="00304F22"/>
    <w:rsid w:val="00305D41"/>
    <w:rsid w:val="00311359"/>
    <w:rsid w:val="003113BE"/>
    <w:rsid w:val="00311664"/>
    <w:rsid w:val="003125CE"/>
    <w:rsid w:val="00313567"/>
    <w:rsid w:val="0031553E"/>
    <w:rsid w:val="00316AC6"/>
    <w:rsid w:val="00321AA5"/>
    <w:rsid w:val="00322308"/>
    <w:rsid w:val="00326B67"/>
    <w:rsid w:val="00327945"/>
    <w:rsid w:val="00332124"/>
    <w:rsid w:val="0033264C"/>
    <w:rsid w:val="0033467A"/>
    <w:rsid w:val="00334E68"/>
    <w:rsid w:val="00337FEF"/>
    <w:rsid w:val="00340036"/>
    <w:rsid w:val="003414F0"/>
    <w:rsid w:val="003442F5"/>
    <w:rsid w:val="003477C0"/>
    <w:rsid w:val="00347C69"/>
    <w:rsid w:val="00350560"/>
    <w:rsid w:val="003516A2"/>
    <w:rsid w:val="00351C87"/>
    <w:rsid w:val="003522E8"/>
    <w:rsid w:val="00355F2F"/>
    <w:rsid w:val="003561A5"/>
    <w:rsid w:val="003574EF"/>
    <w:rsid w:val="00360903"/>
    <w:rsid w:val="00360A9D"/>
    <w:rsid w:val="0036120D"/>
    <w:rsid w:val="003634A0"/>
    <w:rsid w:val="0036446B"/>
    <w:rsid w:val="00367E05"/>
    <w:rsid w:val="00372827"/>
    <w:rsid w:val="00372985"/>
    <w:rsid w:val="003729F3"/>
    <w:rsid w:val="00373128"/>
    <w:rsid w:val="00374CFE"/>
    <w:rsid w:val="00375D24"/>
    <w:rsid w:val="00376332"/>
    <w:rsid w:val="00376A47"/>
    <w:rsid w:val="003778E1"/>
    <w:rsid w:val="00380198"/>
    <w:rsid w:val="003815BD"/>
    <w:rsid w:val="00383343"/>
    <w:rsid w:val="00383A5B"/>
    <w:rsid w:val="00384A78"/>
    <w:rsid w:val="00385BAB"/>
    <w:rsid w:val="0038724D"/>
    <w:rsid w:val="003907CA"/>
    <w:rsid w:val="00393970"/>
    <w:rsid w:val="003942F0"/>
    <w:rsid w:val="0039445C"/>
    <w:rsid w:val="00395699"/>
    <w:rsid w:val="00395DE4"/>
    <w:rsid w:val="00396045"/>
    <w:rsid w:val="00396FC1"/>
    <w:rsid w:val="003973B6"/>
    <w:rsid w:val="003979EB"/>
    <w:rsid w:val="00397A23"/>
    <w:rsid w:val="00397E4D"/>
    <w:rsid w:val="003A0DC6"/>
    <w:rsid w:val="003A23F0"/>
    <w:rsid w:val="003A4C45"/>
    <w:rsid w:val="003A6B0E"/>
    <w:rsid w:val="003A77C7"/>
    <w:rsid w:val="003A7D07"/>
    <w:rsid w:val="003B1307"/>
    <w:rsid w:val="003B2183"/>
    <w:rsid w:val="003B263F"/>
    <w:rsid w:val="003B4A88"/>
    <w:rsid w:val="003B5453"/>
    <w:rsid w:val="003B5ACA"/>
    <w:rsid w:val="003B67CF"/>
    <w:rsid w:val="003C0929"/>
    <w:rsid w:val="003C1854"/>
    <w:rsid w:val="003C4A45"/>
    <w:rsid w:val="003C5B68"/>
    <w:rsid w:val="003C5D16"/>
    <w:rsid w:val="003C5DF9"/>
    <w:rsid w:val="003C7B5C"/>
    <w:rsid w:val="003D0190"/>
    <w:rsid w:val="003D0386"/>
    <w:rsid w:val="003D15F5"/>
    <w:rsid w:val="003D673C"/>
    <w:rsid w:val="003D6F05"/>
    <w:rsid w:val="003D710E"/>
    <w:rsid w:val="003E1BC8"/>
    <w:rsid w:val="003E2075"/>
    <w:rsid w:val="003E3F1A"/>
    <w:rsid w:val="003E6CE4"/>
    <w:rsid w:val="003E77E0"/>
    <w:rsid w:val="003F0A6A"/>
    <w:rsid w:val="003F4855"/>
    <w:rsid w:val="0040004D"/>
    <w:rsid w:val="00402213"/>
    <w:rsid w:val="004067AB"/>
    <w:rsid w:val="0040757B"/>
    <w:rsid w:val="00410724"/>
    <w:rsid w:val="00410A99"/>
    <w:rsid w:val="004118B5"/>
    <w:rsid w:val="004128C1"/>
    <w:rsid w:val="00413AE1"/>
    <w:rsid w:val="00413AE5"/>
    <w:rsid w:val="00413AFF"/>
    <w:rsid w:val="00415561"/>
    <w:rsid w:val="00415F05"/>
    <w:rsid w:val="004175B9"/>
    <w:rsid w:val="00417E9D"/>
    <w:rsid w:val="0042254A"/>
    <w:rsid w:val="004236BA"/>
    <w:rsid w:val="00424CCC"/>
    <w:rsid w:val="00427BDB"/>
    <w:rsid w:val="00427BE2"/>
    <w:rsid w:val="004325B9"/>
    <w:rsid w:val="00432885"/>
    <w:rsid w:val="0043446A"/>
    <w:rsid w:val="00435B4A"/>
    <w:rsid w:val="00436F52"/>
    <w:rsid w:val="004374F5"/>
    <w:rsid w:val="00437B25"/>
    <w:rsid w:val="00437F0D"/>
    <w:rsid w:val="0044093F"/>
    <w:rsid w:val="00441304"/>
    <w:rsid w:val="00441C10"/>
    <w:rsid w:val="004425EC"/>
    <w:rsid w:val="00445E19"/>
    <w:rsid w:val="00450B19"/>
    <w:rsid w:val="00452CDC"/>
    <w:rsid w:val="00452FE2"/>
    <w:rsid w:val="00454732"/>
    <w:rsid w:val="0045587C"/>
    <w:rsid w:val="004570C5"/>
    <w:rsid w:val="00457DBF"/>
    <w:rsid w:val="00460D3C"/>
    <w:rsid w:val="0046487E"/>
    <w:rsid w:val="00464890"/>
    <w:rsid w:val="00464964"/>
    <w:rsid w:val="004661F3"/>
    <w:rsid w:val="00467719"/>
    <w:rsid w:val="00467939"/>
    <w:rsid w:val="004757F4"/>
    <w:rsid w:val="00477DAD"/>
    <w:rsid w:val="004802E8"/>
    <w:rsid w:val="00480EF2"/>
    <w:rsid w:val="00483432"/>
    <w:rsid w:val="00483777"/>
    <w:rsid w:val="00484314"/>
    <w:rsid w:val="00484855"/>
    <w:rsid w:val="00486C82"/>
    <w:rsid w:val="004907E1"/>
    <w:rsid w:val="00490EC4"/>
    <w:rsid w:val="00491CC0"/>
    <w:rsid w:val="00492F5A"/>
    <w:rsid w:val="00493147"/>
    <w:rsid w:val="004944D2"/>
    <w:rsid w:val="00494AAE"/>
    <w:rsid w:val="00495356"/>
    <w:rsid w:val="00496A32"/>
    <w:rsid w:val="004975E3"/>
    <w:rsid w:val="004A2A67"/>
    <w:rsid w:val="004A36F3"/>
    <w:rsid w:val="004A3703"/>
    <w:rsid w:val="004A4C83"/>
    <w:rsid w:val="004B1AE3"/>
    <w:rsid w:val="004B1D22"/>
    <w:rsid w:val="004B247D"/>
    <w:rsid w:val="004B29FF"/>
    <w:rsid w:val="004B34E5"/>
    <w:rsid w:val="004B39C0"/>
    <w:rsid w:val="004B3D1C"/>
    <w:rsid w:val="004B720A"/>
    <w:rsid w:val="004C3822"/>
    <w:rsid w:val="004C475E"/>
    <w:rsid w:val="004C5A1F"/>
    <w:rsid w:val="004C6375"/>
    <w:rsid w:val="004D00CD"/>
    <w:rsid w:val="004D00DE"/>
    <w:rsid w:val="004D154B"/>
    <w:rsid w:val="004D58DE"/>
    <w:rsid w:val="004D73F1"/>
    <w:rsid w:val="004E063B"/>
    <w:rsid w:val="004E0772"/>
    <w:rsid w:val="004E0DC5"/>
    <w:rsid w:val="004E4FB5"/>
    <w:rsid w:val="004E63BF"/>
    <w:rsid w:val="004E6B7D"/>
    <w:rsid w:val="004E6C29"/>
    <w:rsid w:val="004E771A"/>
    <w:rsid w:val="004F0B3D"/>
    <w:rsid w:val="004F240E"/>
    <w:rsid w:val="004F2BA8"/>
    <w:rsid w:val="004F5DF8"/>
    <w:rsid w:val="004F660C"/>
    <w:rsid w:val="004F66FA"/>
    <w:rsid w:val="004F6BB3"/>
    <w:rsid w:val="0050063B"/>
    <w:rsid w:val="005010F8"/>
    <w:rsid w:val="005014A5"/>
    <w:rsid w:val="0050236D"/>
    <w:rsid w:val="00507CA1"/>
    <w:rsid w:val="00512455"/>
    <w:rsid w:val="00517DF0"/>
    <w:rsid w:val="005209A7"/>
    <w:rsid w:val="00523A4A"/>
    <w:rsid w:val="00524747"/>
    <w:rsid w:val="005253EF"/>
    <w:rsid w:val="00525E7C"/>
    <w:rsid w:val="005274CC"/>
    <w:rsid w:val="005279B2"/>
    <w:rsid w:val="0053080C"/>
    <w:rsid w:val="00531A23"/>
    <w:rsid w:val="00534B4A"/>
    <w:rsid w:val="00534F44"/>
    <w:rsid w:val="00537D97"/>
    <w:rsid w:val="005410A0"/>
    <w:rsid w:val="00542FFE"/>
    <w:rsid w:val="00544181"/>
    <w:rsid w:val="00545C63"/>
    <w:rsid w:val="005471FB"/>
    <w:rsid w:val="0055096B"/>
    <w:rsid w:val="00550D6B"/>
    <w:rsid w:val="00560017"/>
    <w:rsid w:val="00560332"/>
    <w:rsid w:val="005605E4"/>
    <w:rsid w:val="00560907"/>
    <w:rsid w:val="00560DF0"/>
    <w:rsid w:val="0056326E"/>
    <w:rsid w:val="00565E61"/>
    <w:rsid w:val="005673FB"/>
    <w:rsid w:val="00570089"/>
    <w:rsid w:val="00570CEE"/>
    <w:rsid w:val="0057373A"/>
    <w:rsid w:val="00573A87"/>
    <w:rsid w:val="00576E38"/>
    <w:rsid w:val="005803E1"/>
    <w:rsid w:val="00580DB5"/>
    <w:rsid w:val="005845F2"/>
    <w:rsid w:val="00584CD9"/>
    <w:rsid w:val="00584F64"/>
    <w:rsid w:val="00585A66"/>
    <w:rsid w:val="00585DBB"/>
    <w:rsid w:val="005861BF"/>
    <w:rsid w:val="005877E0"/>
    <w:rsid w:val="00587933"/>
    <w:rsid w:val="00593F8E"/>
    <w:rsid w:val="00595B0D"/>
    <w:rsid w:val="00596035"/>
    <w:rsid w:val="00596FD0"/>
    <w:rsid w:val="005A08D9"/>
    <w:rsid w:val="005A0DCE"/>
    <w:rsid w:val="005B0473"/>
    <w:rsid w:val="005B08F9"/>
    <w:rsid w:val="005B2283"/>
    <w:rsid w:val="005B2892"/>
    <w:rsid w:val="005B3675"/>
    <w:rsid w:val="005B48BE"/>
    <w:rsid w:val="005B7299"/>
    <w:rsid w:val="005B7B40"/>
    <w:rsid w:val="005C058C"/>
    <w:rsid w:val="005C0C11"/>
    <w:rsid w:val="005C1794"/>
    <w:rsid w:val="005C36EF"/>
    <w:rsid w:val="005C383F"/>
    <w:rsid w:val="005D397C"/>
    <w:rsid w:val="005D3CBD"/>
    <w:rsid w:val="005D4B16"/>
    <w:rsid w:val="005D556D"/>
    <w:rsid w:val="005D6E2D"/>
    <w:rsid w:val="005D7126"/>
    <w:rsid w:val="005E4139"/>
    <w:rsid w:val="005E5A6D"/>
    <w:rsid w:val="005E5B2A"/>
    <w:rsid w:val="005E5C94"/>
    <w:rsid w:val="005F0E29"/>
    <w:rsid w:val="005F27FC"/>
    <w:rsid w:val="005F5947"/>
    <w:rsid w:val="00601BF3"/>
    <w:rsid w:val="00602BF0"/>
    <w:rsid w:val="00604292"/>
    <w:rsid w:val="006050BB"/>
    <w:rsid w:val="006056F7"/>
    <w:rsid w:val="00605F84"/>
    <w:rsid w:val="00606F76"/>
    <w:rsid w:val="006103CE"/>
    <w:rsid w:val="00610D32"/>
    <w:rsid w:val="006111FA"/>
    <w:rsid w:val="00611301"/>
    <w:rsid w:val="00613B9A"/>
    <w:rsid w:val="006152D5"/>
    <w:rsid w:val="00617E23"/>
    <w:rsid w:val="00617F10"/>
    <w:rsid w:val="00620955"/>
    <w:rsid w:val="0062109E"/>
    <w:rsid w:val="00621411"/>
    <w:rsid w:val="00621D39"/>
    <w:rsid w:val="0062400C"/>
    <w:rsid w:val="00625B6A"/>
    <w:rsid w:val="00626151"/>
    <w:rsid w:val="00627392"/>
    <w:rsid w:val="00631EB7"/>
    <w:rsid w:val="00631FA2"/>
    <w:rsid w:val="00632C34"/>
    <w:rsid w:val="00633FCB"/>
    <w:rsid w:val="00635E71"/>
    <w:rsid w:val="00635F30"/>
    <w:rsid w:val="00640026"/>
    <w:rsid w:val="00642FF3"/>
    <w:rsid w:val="006438B5"/>
    <w:rsid w:val="00644F1F"/>
    <w:rsid w:val="00645F11"/>
    <w:rsid w:val="006468B6"/>
    <w:rsid w:val="00650FBB"/>
    <w:rsid w:val="0065100F"/>
    <w:rsid w:val="006519FD"/>
    <w:rsid w:val="00652114"/>
    <w:rsid w:val="006537CB"/>
    <w:rsid w:val="0065560E"/>
    <w:rsid w:val="00656071"/>
    <w:rsid w:val="00656F75"/>
    <w:rsid w:val="006571D7"/>
    <w:rsid w:val="0066219D"/>
    <w:rsid w:val="006657C4"/>
    <w:rsid w:val="00666857"/>
    <w:rsid w:val="00667ABC"/>
    <w:rsid w:val="00667D9B"/>
    <w:rsid w:val="00671ED4"/>
    <w:rsid w:val="00674CF9"/>
    <w:rsid w:val="00675861"/>
    <w:rsid w:val="0067692E"/>
    <w:rsid w:val="00677947"/>
    <w:rsid w:val="0068064B"/>
    <w:rsid w:val="006808D3"/>
    <w:rsid w:val="00681FAE"/>
    <w:rsid w:val="00685118"/>
    <w:rsid w:val="00686915"/>
    <w:rsid w:val="0068766D"/>
    <w:rsid w:val="0068787A"/>
    <w:rsid w:val="00687EAF"/>
    <w:rsid w:val="00691E04"/>
    <w:rsid w:val="00692989"/>
    <w:rsid w:val="00695529"/>
    <w:rsid w:val="00695E87"/>
    <w:rsid w:val="00696FF9"/>
    <w:rsid w:val="006A3A37"/>
    <w:rsid w:val="006A4891"/>
    <w:rsid w:val="006A48F8"/>
    <w:rsid w:val="006A557F"/>
    <w:rsid w:val="006A6476"/>
    <w:rsid w:val="006B00C2"/>
    <w:rsid w:val="006B0C86"/>
    <w:rsid w:val="006B107F"/>
    <w:rsid w:val="006B13EA"/>
    <w:rsid w:val="006B2829"/>
    <w:rsid w:val="006B4C03"/>
    <w:rsid w:val="006B60CD"/>
    <w:rsid w:val="006B6ADB"/>
    <w:rsid w:val="006B7186"/>
    <w:rsid w:val="006B7A9A"/>
    <w:rsid w:val="006C027A"/>
    <w:rsid w:val="006C2C15"/>
    <w:rsid w:val="006C301B"/>
    <w:rsid w:val="006C3712"/>
    <w:rsid w:val="006C6458"/>
    <w:rsid w:val="006C678F"/>
    <w:rsid w:val="006C7619"/>
    <w:rsid w:val="006C7707"/>
    <w:rsid w:val="006C7A78"/>
    <w:rsid w:val="006C7CD5"/>
    <w:rsid w:val="006D0266"/>
    <w:rsid w:val="006D09EB"/>
    <w:rsid w:val="006D22D9"/>
    <w:rsid w:val="006D245D"/>
    <w:rsid w:val="006D30F8"/>
    <w:rsid w:val="006D3571"/>
    <w:rsid w:val="006D56FA"/>
    <w:rsid w:val="006D5B5E"/>
    <w:rsid w:val="006E03CF"/>
    <w:rsid w:val="006E21F5"/>
    <w:rsid w:val="006E4B4D"/>
    <w:rsid w:val="006E51CD"/>
    <w:rsid w:val="006F08D4"/>
    <w:rsid w:val="006F1592"/>
    <w:rsid w:val="006F21FF"/>
    <w:rsid w:val="006F2363"/>
    <w:rsid w:val="006F243F"/>
    <w:rsid w:val="006F4684"/>
    <w:rsid w:val="006F5149"/>
    <w:rsid w:val="00701C4B"/>
    <w:rsid w:val="00701DC9"/>
    <w:rsid w:val="007054F3"/>
    <w:rsid w:val="00706989"/>
    <w:rsid w:val="00707E80"/>
    <w:rsid w:val="00711679"/>
    <w:rsid w:val="00711FC2"/>
    <w:rsid w:val="0071207E"/>
    <w:rsid w:val="00712D69"/>
    <w:rsid w:val="00714203"/>
    <w:rsid w:val="00715969"/>
    <w:rsid w:val="00715D04"/>
    <w:rsid w:val="00716397"/>
    <w:rsid w:val="00716DF0"/>
    <w:rsid w:val="007207BD"/>
    <w:rsid w:val="00720EA8"/>
    <w:rsid w:val="00720FB9"/>
    <w:rsid w:val="00721C1B"/>
    <w:rsid w:val="00722BD9"/>
    <w:rsid w:val="00722E86"/>
    <w:rsid w:val="007235D8"/>
    <w:rsid w:val="00725751"/>
    <w:rsid w:val="00725D54"/>
    <w:rsid w:val="00726E2A"/>
    <w:rsid w:val="0072798C"/>
    <w:rsid w:val="007308FD"/>
    <w:rsid w:val="00730D58"/>
    <w:rsid w:val="00731B0C"/>
    <w:rsid w:val="007323B1"/>
    <w:rsid w:val="00733BAA"/>
    <w:rsid w:val="00735E5C"/>
    <w:rsid w:val="00736BE9"/>
    <w:rsid w:val="007371E2"/>
    <w:rsid w:val="0074288D"/>
    <w:rsid w:val="00743734"/>
    <w:rsid w:val="007441B2"/>
    <w:rsid w:val="007446E1"/>
    <w:rsid w:val="00745FEF"/>
    <w:rsid w:val="007466D9"/>
    <w:rsid w:val="007466EB"/>
    <w:rsid w:val="00750945"/>
    <w:rsid w:val="007514C1"/>
    <w:rsid w:val="00751739"/>
    <w:rsid w:val="00752CB1"/>
    <w:rsid w:val="007536B7"/>
    <w:rsid w:val="00753D90"/>
    <w:rsid w:val="00754F36"/>
    <w:rsid w:val="0075558A"/>
    <w:rsid w:val="00756152"/>
    <w:rsid w:val="00756246"/>
    <w:rsid w:val="0075755C"/>
    <w:rsid w:val="00757881"/>
    <w:rsid w:val="00757EFA"/>
    <w:rsid w:val="00760BA6"/>
    <w:rsid w:val="0076182E"/>
    <w:rsid w:val="00761F9A"/>
    <w:rsid w:val="007730E8"/>
    <w:rsid w:val="0077337B"/>
    <w:rsid w:val="00776B15"/>
    <w:rsid w:val="007777A3"/>
    <w:rsid w:val="00777965"/>
    <w:rsid w:val="00777A91"/>
    <w:rsid w:val="00777E7D"/>
    <w:rsid w:val="00784100"/>
    <w:rsid w:val="0078578C"/>
    <w:rsid w:val="007867A7"/>
    <w:rsid w:val="007872F4"/>
    <w:rsid w:val="007875C8"/>
    <w:rsid w:val="007876E3"/>
    <w:rsid w:val="0079263F"/>
    <w:rsid w:val="00792826"/>
    <w:rsid w:val="00792A86"/>
    <w:rsid w:val="00792B59"/>
    <w:rsid w:val="00792BB8"/>
    <w:rsid w:val="007979F3"/>
    <w:rsid w:val="007A1ED7"/>
    <w:rsid w:val="007A34E3"/>
    <w:rsid w:val="007A408C"/>
    <w:rsid w:val="007A5043"/>
    <w:rsid w:val="007A55B1"/>
    <w:rsid w:val="007A6197"/>
    <w:rsid w:val="007B1613"/>
    <w:rsid w:val="007B16B3"/>
    <w:rsid w:val="007B4619"/>
    <w:rsid w:val="007B50E8"/>
    <w:rsid w:val="007B5641"/>
    <w:rsid w:val="007B6A6D"/>
    <w:rsid w:val="007B7079"/>
    <w:rsid w:val="007C0863"/>
    <w:rsid w:val="007C2557"/>
    <w:rsid w:val="007C2F1E"/>
    <w:rsid w:val="007C6AE4"/>
    <w:rsid w:val="007D04FF"/>
    <w:rsid w:val="007D0819"/>
    <w:rsid w:val="007D112B"/>
    <w:rsid w:val="007D17CE"/>
    <w:rsid w:val="007D358C"/>
    <w:rsid w:val="007D383D"/>
    <w:rsid w:val="007D3890"/>
    <w:rsid w:val="007D52D7"/>
    <w:rsid w:val="007D6C33"/>
    <w:rsid w:val="007E0CFA"/>
    <w:rsid w:val="007E39CA"/>
    <w:rsid w:val="007E3A02"/>
    <w:rsid w:val="007E4BA7"/>
    <w:rsid w:val="007E51F8"/>
    <w:rsid w:val="007E57B0"/>
    <w:rsid w:val="007E5BF6"/>
    <w:rsid w:val="007E5F85"/>
    <w:rsid w:val="007E61B2"/>
    <w:rsid w:val="007F000E"/>
    <w:rsid w:val="007F1580"/>
    <w:rsid w:val="007F15E7"/>
    <w:rsid w:val="007F4829"/>
    <w:rsid w:val="007F627F"/>
    <w:rsid w:val="00805E76"/>
    <w:rsid w:val="0080682B"/>
    <w:rsid w:val="00806E76"/>
    <w:rsid w:val="00811CB6"/>
    <w:rsid w:val="00813E4E"/>
    <w:rsid w:val="00814B74"/>
    <w:rsid w:val="008165E1"/>
    <w:rsid w:val="00820665"/>
    <w:rsid w:val="0082244C"/>
    <w:rsid w:val="00824362"/>
    <w:rsid w:val="00824C31"/>
    <w:rsid w:val="00825D9E"/>
    <w:rsid w:val="00826739"/>
    <w:rsid w:val="00827514"/>
    <w:rsid w:val="00827EBD"/>
    <w:rsid w:val="00830807"/>
    <w:rsid w:val="00830EC6"/>
    <w:rsid w:val="00831C44"/>
    <w:rsid w:val="008325A4"/>
    <w:rsid w:val="00833BE6"/>
    <w:rsid w:val="00835C9E"/>
    <w:rsid w:val="00837A45"/>
    <w:rsid w:val="0084122B"/>
    <w:rsid w:val="008426D2"/>
    <w:rsid w:val="00842DC3"/>
    <w:rsid w:val="008448F8"/>
    <w:rsid w:val="00844A87"/>
    <w:rsid w:val="0084557A"/>
    <w:rsid w:val="00851F8D"/>
    <w:rsid w:val="00854930"/>
    <w:rsid w:val="00856596"/>
    <w:rsid w:val="008572EB"/>
    <w:rsid w:val="00860758"/>
    <w:rsid w:val="008641FA"/>
    <w:rsid w:val="008642A2"/>
    <w:rsid w:val="00864349"/>
    <w:rsid w:val="008643D0"/>
    <w:rsid w:val="00864D0F"/>
    <w:rsid w:val="0086598A"/>
    <w:rsid w:val="00866F91"/>
    <w:rsid w:val="00867227"/>
    <w:rsid w:val="00867A4B"/>
    <w:rsid w:val="008712F7"/>
    <w:rsid w:val="00871A64"/>
    <w:rsid w:val="008725AA"/>
    <w:rsid w:val="00873A63"/>
    <w:rsid w:val="0087575C"/>
    <w:rsid w:val="008758B4"/>
    <w:rsid w:val="0087610D"/>
    <w:rsid w:val="00876F39"/>
    <w:rsid w:val="00882505"/>
    <w:rsid w:val="00882FA1"/>
    <w:rsid w:val="008856C4"/>
    <w:rsid w:val="00885B74"/>
    <w:rsid w:val="00886C75"/>
    <w:rsid w:val="00887556"/>
    <w:rsid w:val="0088787D"/>
    <w:rsid w:val="00891B09"/>
    <w:rsid w:val="00891E67"/>
    <w:rsid w:val="008939AD"/>
    <w:rsid w:val="00894CA0"/>
    <w:rsid w:val="008963AC"/>
    <w:rsid w:val="00896D46"/>
    <w:rsid w:val="008A0D46"/>
    <w:rsid w:val="008A197E"/>
    <w:rsid w:val="008A2153"/>
    <w:rsid w:val="008A2B6D"/>
    <w:rsid w:val="008A2D14"/>
    <w:rsid w:val="008A3153"/>
    <w:rsid w:val="008A4088"/>
    <w:rsid w:val="008A415C"/>
    <w:rsid w:val="008A5690"/>
    <w:rsid w:val="008A5B6E"/>
    <w:rsid w:val="008A63D3"/>
    <w:rsid w:val="008A7906"/>
    <w:rsid w:val="008B41AC"/>
    <w:rsid w:val="008B5273"/>
    <w:rsid w:val="008B5A56"/>
    <w:rsid w:val="008C08AF"/>
    <w:rsid w:val="008C08DE"/>
    <w:rsid w:val="008C1821"/>
    <w:rsid w:val="008C2730"/>
    <w:rsid w:val="008C389D"/>
    <w:rsid w:val="008C40AF"/>
    <w:rsid w:val="008C521E"/>
    <w:rsid w:val="008C64F7"/>
    <w:rsid w:val="008C7C7F"/>
    <w:rsid w:val="008D32BE"/>
    <w:rsid w:val="008D3F2B"/>
    <w:rsid w:val="008D4A5E"/>
    <w:rsid w:val="008D5D3B"/>
    <w:rsid w:val="008D6239"/>
    <w:rsid w:val="008D66FE"/>
    <w:rsid w:val="008D786F"/>
    <w:rsid w:val="008D7E63"/>
    <w:rsid w:val="008E0180"/>
    <w:rsid w:val="008E14FC"/>
    <w:rsid w:val="008E3662"/>
    <w:rsid w:val="008E3682"/>
    <w:rsid w:val="008E3DED"/>
    <w:rsid w:val="008E71B1"/>
    <w:rsid w:val="008F0204"/>
    <w:rsid w:val="008F0DAF"/>
    <w:rsid w:val="008F365F"/>
    <w:rsid w:val="008F3789"/>
    <w:rsid w:val="008F6D8C"/>
    <w:rsid w:val="009006B7"/>
    <w:rsid w:val="009011AB"/>
    <w:rsid w:val="009042BF"/>
    <w:rsid w:val="00904AC6"/>
    <w:rsid w:val="009054F4"/>
    <w:rsid w:val="00907E2B"/>
    <w:rsid w:val="0091236C"/>
    <w:rsid w:val="00912627"/>
    <w:rsid w:val="00916E0D"/>
    <w:rsid w:val="00916E73"/>
    <w:rsid w:val="00917B4B"/>
    <w:rsid w:val="00920BED"/>
    <w:rsid w:val="00920D4B"/>
    <w:rsid w:val="009219CC"/>
    <w:rsid w:val="00921BB4"/>
    <w:rsid w:val="00922FD0"/>
    <w:rsid w:val="00924CD3"/>
    <w:rsid w:val="00925DE3"/>
    <w:rsid w:val="009265DB"/>
    <w:rsid w:val="00927A19"/>
    <w:rsid w:val="009306F9"/>
    <w:rsid w:val="00931B4D"/>
    <w:rsid w:val="009357EB"/>
    <w:rsid w:val="009366F4"/>
    <w:rsid w:val="009372AE"/>
    <w:rsid w:val="00937304"/>
    <w:rsid w:val="00937923"/>
    <w:rsid w:val="00942299"/>
    <w:rsid w:val="0094625E"/>
    <w:rsid w:val="00951163"/>
    <w:rsid w:val="00952956"/>
    <w:rsid w:val="00953DA5"/>
    <w:rsid w:val="009553EA"/>
    <w:rsid w:val="0096037E"/>
    <w:rsid w:val="00960970"/>
    <w:rsid w:val="00960B6D"/>
    <w:rsid w:val="00961BA8"/>
    <w:rsid w:val="00961F6D"/>
    <w:rsid w:val="00963402"/>
    <w:rsid w:val="00965C3E"/>
    <w:rsid w:val="009663B5"/>
    <w:rsid w:val="00966CCD"/>
    <w:rsid w:val="009674D0"/>
    <w:rsid w:val="00970B33"/>
    <w:rsid w:val="00971676"/>
    <w:rsid w:val="00971EFA"/>
    <w:rsid w:val="0097237E"/>
    <w:rsid w:val="00972430"/>
    <w:rsid w:val="00974F85"/>
    <w:rsid w:val="009752F9"/>
    <w:rsid w:val="00976320"/>
    <w:rsid w:val="009764F4"/>
    <w:rsid w:val="00976EF3"/>
    <w:rsid w:val="00987B0B"/>
    <w:rsid w:val="00987B3E"/>
    <w:rsid w:val="009927CA"/>
    <w:rsid w:val="009929C4"/>
    <w:rsid w:val="009945ED"/>
    <w:rsid w:val="00995307"/>
    <w:rsid w:val="00995F4C"/>
    <w:rsid w:val="00996997"/>
    <w:rsid w:val="009A0B28"/>
    <w:rsid w:val="009A1929"/>
    <w:rsid w:val="009A4E56"/>
    <w:rsid w:val="009A6335"/>
    <w:rsid w:val="009A6DD9"/>
    <w:rsid w:val="009A6E92"/>
    <w:rsid w:val="009B02EE"/>
    <w:rsid w:val="009B24F0"/>
    <w:rsid w:val="009B26A9"/>
    <w:rsid w:val="009B662E"/>
    <w:rsid w:val="009B696A"/>
    <w:rsid w:val="009B746E"/>
    <w:rsid w:val="009C0379"/>
    <w:rsid w:val="009C13DD"/>
    <w:rsid w:val="009C1FF9"/>
    <w:rsid w:val="009C2086"/>
    <w:rsid w:val="009C3DEF"/>
    <w:rsid w:val="009C49BE"/>
    <w:rsid w:val="009C4F85"/>
    <w:rsid w:val="009C7CF1"/>
    <w:rsid w:val="009D297E"/>
    <w:rsid w:val="009D31B6"/>
    <w:rsid w:val="009D31BE"/>
    <w:rsid w:val="009D5253"/>
    <w:rsid w:val="009D5E5D"/>
    <w:rsid w:val="009D75CD"/>
    <w:rsid w:val="009D7B53"/>
    <w:rsid w:val="009D7F9B"/>
    <w:rsid w:val="009E1130"/>
    <w:rsid w:val="009E25E3"/>
    <w:rsid w:val="009E36AE"/>
    <w:rsid w:val="009E4637"/>
    <w:rsid w:val="009E565B"/>
    <w:rsid w:val="009E626C"/>
    <w:rsid w:val="009F0507"/>
    <w:rsid w:val="009F1919"/>
    <w:rsid w:val="009F471E"/>
    <w:rsid w:val="009F7BA9"/>
    <w:rsid w:val="00A00D3A"/>
    <w:rsid w:val="00A01602"/>
    <w:rsid w:val="00A0214B"/>
    <w:rsid w:val="00A05272"/>
    <w:rsid w:val="00A05E1E"/>
    <w:rsid w:val="00A06994"/>
    <w:rsid w:val="00A0787C"/>
    <w:rsid w:val="00A11283"/>
    <w:rsid w:val="00A1685D"/>
    <w:rsid w:val="00A2214F"/>
    <w:rsid w:val="00A23F90"/>
    <w:rsid w:val="00A314D7"/>
    <w:rsid w:val="00A31B97"/>
    <w:rsid w:val="00A356C0"/>
    <w:rsid w:val="00A35F5E"/>
    <w:rsid w:val="00A36A1E"/>
    <w:rsid w:val="00A37294"/>
    <w:rsid w:val="00A3766A"/>
    <w:rsid w:val="00A377EC"/>
    <w:rsid w:val="00A37C8E"/>
    <w:rsid w:val="00A401C6"/>
    <w:rsid w:val="00A4255F"/>
    <w:rsid w:val="00A46544"/>
    <w:rsid w:val="00A46977"/>
    <w:rsid w:val="00A46B36"/>
    <w:rsid w:val="00A51CEE"/>
    <w:rsid w:val="00A526D1"/>
    <w:rsid w:val="00A52C60"/>
    <w:rsid w:val="00A532BC"/>
    <w:rsid w:val="00A53BC0"/>
    <w:rsid w:val="00A55D66"/>
    <w:rsid w:val="00A5741C"/>
    <w:rsid w:val="00A57896"/>
    <w:rsid w:val="00A61E06"/>
    <w:rsid w:val="00A62D25"/>
    <w:rsid w:val="00A63AED"/>
    <w:rsid w:val="00A64DE4"/>
    <w:rsid w:val="00A66BA8"/>
    <w:rsid w:val="00A67225"/>
    <w:rsid w:val="00A7103E"/>
    <w:rsid w:val="00A717AE"/>
    <w:rsid w:val="00A72957"/>
    <w:rsid w:val="00A762FD"/>
    <w:rsid w:val="00A8268E"/>
    <w:rsid w:val="00A82F23"/>
    <w:rsid w:val="00A84358"/>
    <w:rsid w:val="00A84E82"/>
    <w:rsid w:val="00A85072"/>
    <w:rsid w:val="00A86DE3"/>
    <w:rsid w:val="00A90808"/>
    <w:rsid w:val="00A9139A"/>
    <w:rsid w:val="00A91A50"/>
    <w:rsid w:val="00A93A3D"/>
    <w:rsid w:val="00A93BC2"/>
    <w:rsid w:val="00A94136"/>
    <w:rsid w:val="00A96916"/>
    <w:rsid w:val="00AA253A"/>
    <w:rsid w:val="00AA5991"/>
    <w:rsid w:val="00AA63AE"/>
    <w:rsid w:val="00AA674B"/>
    <w:rsid w:val="00AA6A5F"/>
    <w:rsid w:val="00AA6E6A"/>
    <w:rsid w:val="00AA7A22"/>
    <w:rsid w:val="00AB3647"/>
    <w:rsid w:val="00AB41BD"/>
    <w:rsid w:val="00AB4457"/>
    <w:rsid w:val="00AB495E"/>
    <w:rsid w:val="00AB4F17"/>
    <w:rsid w:val="00AB4F6D"/>
    <w:rsid w:val="00AB5B0E"/>
    <w:rsid w:val="00AB69CE"/>
    <w:rsid w:val="00AB7804"/>
    <w:rsid w:val="00AC6CF5"/>
    <w:rsid w:val="00AC7E5D"/>
    <w:rsid w:val="00AC7E65"/>
    <w:rsid w:val="00AC7EA9"/>
    <w:rsid w:val="00AD0D1E"/>
    <w:rsid w:val="00AD2618"/>
    <w:rsid w:val="00AD3BDC"/>
    <w:rsid w:val="00AD4422"/>
    <w:rsid w:val="00AD67BD"/>
    <w:rsid w:val="00AD7F2C"/>
    <w:rsid w:val="00AE0025"/>
    <w:rsid w:val="00AE0072"/>
    <w:rsid w:val="00AE1594"/>
    <w:rsid w:val="00AE296F"/>
    <w:rsid w:val="00AE5089"/>
    <w:rsid w:val="00AF08CF"/>
    <w:rsid w:val="00AF0B2A"/>
    <w:rsid w:val="00AF1089"/>
    <w:rsid w:val="00AF19AB"/>
    <w:rsid w:val="00AF4923"/>
    <w:rsid w:val="00B026BD"/>
    <w:rsid w:val="00B03109"/>
    <w:rsid w:val="00B03B57"/>
    <w:rsid w:val="00B04821"/>
    <w:rsid w:val="00B05221"/>
    <w:rsid w:val="00B05260"/>
    <w:rsid w:val="00B06A4D"/>
    <w:rsid w:val="00B075EE"/>
    <w:rsid w:val="00B10B53"/>
    <w:rsid w:val="00B15081"/>
    <w:rsid w:val="00B173A1"/>
    <w:rsid w:val="00B17587"/>
    <w:rsid w:val="00B205A9"/>
    <w:rsid w:val="00B2088D"/>
    <w:rsid w:val="00B227D6"/>
    <w:rsid w:val="00B232C9"/>
    <w:rsid w:val="00B23EB5"/>
    <w:rsid w:val="00B249D8"/>
    <w:rsid w:val="00B25A1F"/>
    <w:rsid w:val="00B27077"/>
    <w:rsid w:val="00B31ACD"/>
    <w:rsid w:val="00B32617"/>
    <w:rsid w:val="00B33EBC"/>
    <w:rsid w:val="00B35EF4"/>
    <w:rsid w:val="00B36B07"/>
    <w:rsid w:val="00B455AE"/>
    <w:rsid w:val="00B470D0"/>
    <w:rsid w:val="00B50DB4"/>
    <w:rsid w:val="00B50E3D"/>
    <w:rsid w:val="00B5102D"/>
    <w:rsid w:val="00B5263C"/>
    <w:rsid w:val="00B536EE"/>
    <w:rsid w:val="00B55024"/>
    <w:rsid w:val="00B55543"/>
    <w:rsid w:val="00B57CC9"/>
    <w:rsid w:val="00B61190"/>
    <w:rsid w:val="00B62F84"/>
    <w:rsid w:val="00B6364E"/>
    <w:rsid w:val="00B63C57"/>
    <w:rsid w:val="00B63F68"/>
    <w:rsid w:val="00B63FB3"/>
    <w:rsid w:val="00B64A87"/>
    <w:rsid w:val="00B65D7A"/>
    <w:rsid w:val="00B70F46"/>
    <w:rsid w:val="00B71208"/>
    <w:rsid w:val="00B71786"/>
    <w:rsid w:val="00B75D75"/>
    <w:rsid w:val="00B804FB"/>
    <w:rsid w:val="00B82746"/>
    <w:rsid w:val="00B8640D"/>
    <w:rsid w:val="00B8756E"/>
    <w:rsid w:val="00B91B7F"/>
    <w:rsid w:val="00B91E86"/>
    <w:rsid w:val="00B93708"/>
    <w:rsid w:val="00B9389F"/>
    <w:rsid w:val="00B93924"/>
    <w:rsid w:val="00B94326"/>
    <w:rsid w:val="00B9487B"/>
    <w:rsid w:val="00B96195"/>
    <w:rsid w:val="00BA0C29"/>
    <w:rsid w:val="00BA1A6C"/>
    <w:rsid w:val="00BA3DA0"/>
    <w:rsid w:val="00BA41BA"/>
    <w:rsid w:val="00BA7612"/>
    <w:rsid w:val="00BB1B7F"/>
    <w:rsid w:val="00BB2C0D"/>
    <w:rsid w:val="00BB2DF7"/>
    <w:rsid w:val="00BB52B0"/>
    <w:rsid w:val="00BB5700"/>
    <w:rsid w:val="00BB5725"/>
    <w:rsid w:val="00BB7432"/>
    <w:rsid w:val="00BC0C76"/>
    <w:rsid w:val="00BC16FE"/>
    <w:rsid w:val="00BC2A58"/>
    <w:rsid w:val="00BC3442"/>
    <w:rsid w:val="00BC4466"/>
    <w:rsid w:val="00BC7BEF"/>
    <w:rsid w:val="00BD10A3"/>
    <w:rsid w:val="00BD497D"/>
    <w:rsid w:val="00BD4B50"/>
    <w:rsid w:val="00BD6D6E"/>
    <w:rsid w:val="00BE1297"/>
    <w:rsid w:val="00BE1F0B"/>
    <w:rsid w:val="00BE3453"/>
    <w:rsid w:val="00BE4635"/>
    <w:rsid w:val="00BE6506"/>
    <w:rsid w:val="00BE74A8"/>
    <w:rsid w:val="00BE7AAD"/>
    <w:rsid w:val="00BE7E75"/>
    <w:rsid w:val="00BF1B84"/>
    <w:rsid w:val="00BF219A"/>
    <w:rsid w:val="00BF3200"/>
    <w:rsid w:val="00BF34D0"/>
    <w:rsid w:val="00BF3EAB"/>
    <w:rsid w:val="00BF41FC"/>
    <w:rsid w:val="00BF5B51"/>
    <w:rsid w:val="00BF6400"/>
    <w:rsid w:val="00BF6B5A"/>
    <w:rsid w:val="00C009F5"/>
    <w:rsid w:val="00C01DB9"/>
    <w:rsid w:val="00C02B3F"/>
    <w:rsid w:val="00C03D9E"/>
    <w:rsid w:val="00C0445B"/>
    <w:rsid w:val="00C04793"/>
    <w:rsid w:val="00C049E9"/>
    <w:rsid w:val="00C04E26"/>
    <w:rsid w:val="00C07919"/>
    <w:rsid w:val="00C07A4D"/>
    <w:rsid w:val="00C10FBB"/>
    <w:rsid w:val="00C116DE"/>
    <w:rsid w:val="00C11EF3"/>
    <w:rsid w:val="00C12E32"/>
    <w:rsid w:val="00C16A8D"/>
    <w:rsid w:val="00C16C94"/>
    <w:rsid w:val="00C17C2B"/>
    <w:rsid w:val="00C17FF4"/>
    <w:rsid w:val="00C20C74"/>
    <w:rsid w:val="00C21CA6"/>
    <w:rsid w:val="00C227A5"/>
    <w:rsid w:val="00C26CB4"/>
    <w:rsid w:val="00C345BD"/>
    <w:rsid w:val="00C34AE7"/>
    <w:rsid w:val="00C351AB"/>
    <w:rsid w:val="00C354BF"/>
    <w:rsid w:val="00C35C3B"/>
    <w:rsid w:val="00C40253"/>
    <w:rsid w:val="00C4063B"/>
    <w:rsid w:val="00C410CC"/>
    <w:rsid w:val="00C420EE"/>
    <w:rsid w:val="00C43C7E"/>
    <w:rsid w:val="00C43F60"/>
    <w:rsid w:val="00C44D9E"/>
    <w:rsid w:val="00C500FC"/>
    <w:rsid w:val="00C510D8"/>
    <w:rsid w:val="00C511B5"/>
    <w:rsid w:val="00C5206D"/>
    <w:rsid w:val="00C53AB8"/>
    <w:rsid w:val="00C54FE4"/>
    <w:rsid w:val="00C61616"/>
    <w:rsid w:val="00C62EDE"/>
    <w:rsid w:val="00C64702"/>
    <w:rsid w:val="00C65A90"/>
    <w:rsid w:val="00C65F29"/>
    <w:rsid w:val="00C66C37"/>
    <w:rsid w:val="00C66D3A"/>
    <w:rsid w:val="00C718CF"/>
    <w:rsid w:val="00C73E63"/>
    <w:rsid w:val="00C75A95"/>
    <w:rsid w:val="00C7663A"/>
    <w:rsid w:val="00C80AEB"/>
    <w:rsid w:val="00C82199"/>
    <w:rsid w:val="00C83178"/>
    <w:rsid w:val="00C85FAE"/>
    <w:rsid w:val="00C931AA"/>
    <w:rsid w:val="00C93CA4"/>
    <w:rsid w:val="00C94B22"/>
    <w:rsid w:val="00C94CBB"/>
    <w:rsid w:val="00C958A2"/>
    <w:rsid w:val="00C95D80"/>
    <w:rsid w:val="00CA050D"/>
    <w:rsid w:val="00CA4460"/>
    <w:rsid w:val="00CA4961"/>
    <w:rsid w:val="00CA58B5"/>
    <w:rsid w:val="00CB088B"/>
    <w:rsid w:val="00CB2EBA"/>
    <w:rsid w:val="00CB5F1C"/>
    <w:rsid w:val="00CB6279"/>
    <w:rsid w:val="00CC0A19"/>
    <w:rsid w:val="00CC2E84"/>
    <w:rsid w:val="00CC384E"/>
    <w:rsid w:val="00CC3C85"/>
    <w:rsid w:val="00CC5102"/>
    <w:rsid w:val="00CC51E6"/>
    <w:rsid w:val="00CC5481"/>
    <w:rsid w:val="00CC5BDD"/>
    <w:rsid w:val="00CC75DB"/>
    <w:rsid w:val="00CC799E"/>
    <w:rsid w:val="00CD0588"/>
    <w:rsid w:val="00CD07E4"/>
    <w:rsid w:val="00CD3D1D"/>
    <w:rsid w:val="00CD3EFB"/>
    <w:rsid w:val="00CD49AB"/>
    <w:rsid w:val="00CD4DFE"/>
    <w:rsid w:val="00CD4E83"/>
    <w:rsid w:val="00CD6D7E"/>
    <w:rsid w:val="00CE1651"/>
    <w:rsid w:val="00CE74C7"/>
    <w:rsid w:val="00CE77AE"/>
    <w:rsid w:val="00CE77EB"/>
    <w:rsid w:val="00CE7AD1"/>
    <w:rsid w:val="00CF0C1B"/>
    <w:rsid w:val="00CF4615"/>
    <w:rsid w:val="00CF49BB"/>
    <w:rsid w:val="00CF52CF"/>
    <w:rsid w:val="00D00DDE"/>
    <w:rsid w:val="00D01129"/>
    <w:rsid w:val="00D0112B"/>
    <w:rsid w:val="00D031F0"/>
    <w:rsid w:val="00D0370E"/>
    <w:rsid w:val="00D0469A"/>
    <w:rsid w:val="00D071C0"/>
    <w:rsid w:val="00D11E2E"/>
    <w:rsid w:val="00D14D9C"/>
    <w:rsid w:val="00D15ECC"/>
    <w:rsid w:val="00D16F04"/>
    <w:rsid w:val="00D175C9"/>
    <w:rsid w:val="00D20847"/>
    <w:rsid w:val="00D22677"/>
    <w:rsid w:val="00D2324C"/>
    <w:rsid w:val="00D240FB"/>
    <w:rsid w:val="00D30C2B"/>
    <w:rsid w:val="00D33BD4"/>
    <w:rsid w:val="00D34714"/>
    <w:rsid w:val="00D3593B"/>
    <w:rsid w:val="00D372CB"/>
    <w:rsid w:val="00D40C8E"/>
    <w:rsid w:val="00D40CF5"/>
    <w:rsid w:val="00D4299B"/>
    <w:rsid w:val="00D433C0"/>
    <w:rsid w:val="00D43A21"/>
    <w:rsid w:val="00D44DE2"/>
    <w:rsid w:val="00D45DD2"/>
    <w:rsid w:val="00D46AF7"/>
    <w:rsid w:val="00D47397"/>
    <w:rsid w:val="00D47DB2"/>
    <w:rsid w:val="00D523CD"/>
    <w:rsid w:val="00D57150"/>
    <w:rsid w:val="00D57A23"/>
    <w:rsid w:val="00D6318F"/>
    <w:rsid w:val="00D63214"/>
    <w:rsid w:val="00D6323B"/>
    <w:rsid w:val="00D67B6A"/>
    <w:rsid w:val="00D71B33"/>
    <w:rsid w:val="00D72450"/>
    <w:rsid w:val="00D73CB1"/>
    <w:rsid w:val="00D74AF0"/>
    <w:rsid w:val="00D74BC4"/>
    <w:rsid w:val="00D756EE"/>
    <w:rsid w:val="00D80DB8"/>
    <w:rsid w:val="00D817AC"/>
    <w:rsid w:val="00D82949"/>
    <w:rsid w:val="00D83DAE"/>
    <w:rsid w:val="00D86C46"/>
    <w:rsid w:val="00D86F2E"/>
    <w:rsid w:val="00D91734"/>
    <w:rsid w:val="00D91C31"/>
    <w:rsid w:val="00D92770"/>
    <w:rsid w:val="00D92A3F"/>
    <w:rsid w:val="00D93CAB"/>
    <w:rsid w:val="00D973E9"/>
    <w:rsid w:val="00D979FB"/>
    <w:rsid w:val="00D97BED"/>
    <w:rsid w:val="00D97E77"/>
    <w:rsid w:val="00DA2253"/>
    <w:rsid w:val="00DA2A81"/>
    <w:rsid w:val="00DA63F3"/>
    <w:rsid w:val="00DA651D"/>
    <w:rsid w:val="00DB07DA"/>
    <w:rsid w:val="00DB4951"/>
    <w:rsid w:val="00DB4D37"/>
    <w:rsid w:val="00DB5431"/>
    <w:rsid w:val="00DC1A53"/>
    <w:rsid w:val="00DC2103"/>
    <w:rsid w:val="00DC2C88"/>
    <w:rsid w:val="00DC316A"/>
    <w:rsid w:val="00DC3B13"/>
    <w:rsid w:val="00DC4725"/>
    <w:rsid w:val="00DC4E5D"/>
    <w:rsid w:val="00DC695A"/>
    <w:rsid w:val="00DD0B11"/>
    <w:rsid w:val="00DD1065"/>
    <w:rsid w:val="00DD2E6C"/>
    <w:rsid w:val="00DD3672"/>
    <w:rsid w:val="00DD3C22"/>
    <w:rsid w:val="00DD50F4"/>
    <w:rsid w:val="00DD5E86"/>
    <w:rsid w:val="00DD7407"/>
    <w:rsid w:val="00DE0AB9"/>
    <w:rsid w:val="00DE0BCA"/>
    <w:rsid w:val="00DE0D39"/>
    <w:rsid w:val="00DE1A8E"/>
    <w:rsid w:val="00DE395E"/>
    <w:rsid w:val="00DE5106"/>
    <w:rsid w:val="00DE7678"/>
    <w:rsid w:val="00DE7EB0"/>
    <w:rsid w:val="00DF02D1"/>
    <w:rsid w:val="00DF2CA6"/>
    <w:rsid w:val="00DF51CF"/>
    <w:rsid w:val="00DF523F"/>
    <w:rsid w:val="00DF65B7"/>
    <w:rsid w:val="00DF6ACA"/>
    <w:rsid w:val="00E01FE1"/>
    <w:rsid w:val="00E02B2C"/>
    <w:rsid w:val="00E03889"/>
    <w:rsid w:val="00E05526"/>
    <w:rsid w:val="00E05A03"/>
    <w:rsid w:val="00E064AE"/>
    <w:rsid w:val="00E06B2A"/>
    <w:rsid w:val="00E0713E"/>
    <w:rsid w:val="00E11377"/>
    <w:rsid w:val="00E133DC"/>
    <w:rsid w:val="00E13CA4"/>
    <w:rsid w:val="00E15876"/>
    <w:rsid w:val="00E171A4"/>
    <w:rsid w:val="00E228D3"/>
    <w:rsid w:val="00E2394F"/>
    <w:rsid w:val="00E24313"/>
    <w:rsid w:val="00E25681"/>
    <w:rsid w:val="00E26413"/>
    <w:rsid w:val="00E26F5C"/>
    <w:rsid w:val="00E272F3"/>
    <w:rsid w:val="00E27AB8"/>
    <w:rsid w:val="00E305EB"/>
    <w:rsid w:val="00E310B1"/>
    <w:rsid w:val="00E3230A"/>
    <w:rsid w:val="00E32332"/>
    <w:rsid w:val="00E32574"/>
    <w:rsid w:val="00E329DC"/>
    <w:rsid w:val="00E33079"/>
    <w:rsid w:val="00E33453"/>
    <w:rsid w:val="00E336ED"/>
    <w:rsid w:val="00E34422"/>
    <w:rsid w:val="00E37719"/>
    <w:rsid w:val="00E40281"/>
    <w:rsid w:val="00E42278"/>
    <w:rsid w:val="00E42805"/>
    <w:rsid w:val="00E42F9A"/>
    <w:rsid w:val="00E439BA"/>
    <w:rsid w:val="00E43DA9"/>
    <w:rsid w:val="00E4412E"/>
    <w:rsid w:val="00E46AB5"/>
    <w:rsid w:val="00E50759"/>
    <w:rsid w:val="00E521C4"/>
    <w:rsid w:val="00E52927"/>
    <w:rsid w:val="00E53D92"/>
    <w:rsid w:val="00E57153"/>
    <w:rsid w:val="00E607ED"/>
    <w:rsid w:val="00E60AF5"/>
    <w:rsid w:val="00E60C6E"/>
    <w:rsid w:val="00E60EE5"/>
    <w:rsid w:val="00E6148E"/>
    <w:rsid w:val="00E615DF"/>
    <w:rsid w:val="00E61975"/>
    <w:rsid w:val="00E61B2F"/>
    <w:rsid w:val="00E61F7A"/>
    <w:rsid w:val="00E6379C"/>
    <w:rsid w:val="00E64770"/>
    <w:rsid w:val="00E661C9"/>
    <w:rsid w:val="00E67F10"/>
    <w:rsid w:val="00E733FB"/>
    <w:rsid w:val="00E751B4"/>
    <w:rsid w:val="00E75E06"/>
    <w:rsid w:val="00E76D0B"/>
    <w:rsid w:val="00E82603"/>
    <w:rsid w:val="00E8387E"/>
    <w:rsid w:val="00E84436"/>
    <w:rsid w:val="00E8457E"/>
    <w:rsid w:val="00E84A06"/>
    <w:rsid w:val="00E84A73"/>
    <w:rsid w:val="00E86236"/>
    <w:rsid w:val="00E90CDB"/>
    <w:rsid w:val="00E91E38"/>
    <w:rsid w:val="00E92C0E"/>
    <w:rsid w:val="00E92FB0"/>
    <w:rsid w:val="00E93D40"/>
    <w:rsid w:val="00E94A83"/>
    <w:rsid w:val="00E969BD"/>
    <w:rsid w:val="00EA14B1"/>
    <w:rsid w:val="00EA3DE9"/>
    <w:rsid w:val="00EA4A69"/>
    <w:rsid w:val="00EA4B73"/>
    <w:rsid w:val="00EA7D85"/>
    <w:rsid w:val="00EB01B6"/>
    <w:rsid w:val="00EB0D80"/>
    <w:rsid w:val="00EB3C0A"/>
    <w:rsid w:val="00EB6091"/>
    <w:rsid w:val="00EB62AA"/>
    <w:rsid w:val="00EB772A"/>
    <w:rsid w:val="00EC0E63"/>
    <w:rsid w:val="00EC1185"/>
    <w:rsid w:val="00EC149A"/>
    <w:rsid w:val="00EC4452"/>
    <w:rsid w:val="00EC6198"/>
    <w:rsid w:val="00EC6A2C"/>
    <w:rsid w:val="00EC73A9"/>
    <w:rsid w:val="00ED1789"/>
    <w:rsid w:val="00ED1E09"/>
    <w:rsid w:val="00EE00AB"/>
    <w:rsid w:val="00EE0416"/>
    <w:rsid w:val="00EE0580"/>
    <w:rsid w:val="00EE1136"/>
    <w:rsid w:val="00EE1F72"/>
    <w:rsid w:val="00EE599F"/>
    <w:rsid w:val="00EE7D58"/>
    <w:rsid w:val="00EF0DD7"/>
    <w:rsid w:val="00EF1019"/>
    <w:rsid w:val="00EF3282"/>
    <w:rsid w:val="00EF470A"/>
    <w:rsid w:val="00EF4BBB"/>
    <w:rsid w:val="00F00319"/>
    <w:rsid w:val="00F022B1"/>
    <w:rsid w:val="00F022D6"/>
    <w:rsid w:val="00F0562E"/>
    <w:rsid w:val="00F12889"/>
    <w:rsid w:val="00F160E7"/>
    <w:rsid w:val="00F2097B"/>
    <w:rsid w:val="00F22360"/>
    <w:rsid w:val="00F23FDD"/>
    <w:rsid w:val="00F256BD"/>
    <w:rsid w:val="00F25D56"/>
    <w:rsid w:val="00F26FFD"/>
    <w:rsid w:val="00F309BF"/>
    <w:rsid w:val="00F31EE3"/>
    <w:rsid w:val="00F3209B"/>
    <w:rsid w:val="00F32F56"/>
    <w:rsid w:val="00F348AD"/>
    <w:rsid w:val="00F361CF"/>
    <w:rsid w:val="00F40FF3"/>
    <w:rsid w:val="00F4175E"/>
    <w:rsid w:val="00F42040"/>
    <w:rsid w:val="00F42479"/>
    <w:rsid w:val="00F44090"/>
    <w:rsid w:val="00F44561"/>
    <w:rsid w:val="00F44CF9"/>
    <w:rsid w:val="00F45D23"/>
    <w:rsid w:val="00F46382"/>
    <w:rsid w:val="00F476F3"/>
    <w:rsid w:val="00F47C63"/>
    <w:rsid w:val="00F503C9"/>
    <w:rsid w:val="00F54E7A"/>
    <w:rsid w:val="00F55DA1"/>
    <w:rsid w:val="00F56310"/>
    <w:rsid w:val="00F61D99"/>
    <w:rsid w:val="00F6218A"/>
    <w:rsid w:val="00F6362B"/>
    <w:rsid w:val="00F63773"/>
    <w:rsid w:val="00F6385E"/>
    <w:rsid w:val="00F65968"/>
    <w:rsid w:val="00F6624C"/>
    <w:rsid w:val="00F70112"/>
    <w:rsid w:val="00F70C30"/>
    <w:rsid w:val="00F72242"/>
    <w:rsid w:val="00F72695"/>
    <w:rsid w:val="00F72D9A"/>
    <w:rsid w:val="00F74BF0"/>
    <w:rsid w:val="00F7518C"/>
    <w:rsid w:val="00F77848"/>
    <w:rsid w:val="00F77C0C"/>
    <w:rsid w:val="00F77DF3"/>
    <w:rsid w:val="00F81DC0"/>
    <w:rsid w:val="00F8363A"/>
    <w:rsid w:val="00F83AF4"/>
    <w:rsid w:val="00F91416"/>
    <w:rsid w:val="00F91912"/>
    <w:rsid w:val="00F954D3"/>
    <w:rsid w:val="00F96162"/>
    <w:rsid w:val="00F97DBD"/>
    <w:rsid w:val="00FA222A"/>
    <w:rsid w:val="00FA29C0"/>
    <w:rsid w:val="00FA5620"/>
    <w:rsid w:val="00FA5A4C"/>
    <w:rsid w:val="00FA5C97"/>
    <w:rsid w:val="00FA7052"/>
    <w:rsid w:val="00FA711B"/>
    <w:rsid w:val="00FB030A"/>
    <w:rsid w:val="00FB56C0"/>
    <w:rsid w:val="00FB6308"/>
    <w:rsid w:val="00FB64B4"/>
    <w:rsid w:val="00FB7210"/>
    <w:rsid w:val="00FC0A14"/>
    <w:rsid w:val="00FC4E9A"/>
    <w:rsid w:val="00FC6296"/>
    <w:rsid w:val="00FC6FEA"/>
    <w:rsid w:val="00FC7371"/>
    <w:rsid w:val="00FC75A5"/>
    <w:rsid w:val="00FD167A"/>
    <w:rsid w:val="00FD1F90"/>
    <w:rsid w:val="00FD3E2E"/>
    <w:rsid w:val="00FD7498"/>
    <w:rsid w:val="00FD7689"/>
    <w:rsid w:val="00FE1C5F"/>
    <w:rsid w:val="00FE2307"/>
    <w:rsid w:val="00FE4309"/>
    <w:rsid w:val="00FE5931"/>
    <w:rsid w:val="00FE6A5C"/>
    <w:rsid w:val="00FE7740"/>
    <w:rsid w:val="00FF12CB"/>
    <w:rsid w:val="00FF5ABA"/>
    <w:rsid w:val="00FF5D0E"/>
    <w:rsid w:val="00FF6003"/>
    <w:rsid w:val="00FF775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1B5F2EE2"/>
  <w15:docId w15:val="{96E0A58E-0C71-44FC-9E62-269448F6F0C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3D0190"/>
    <w:rPr>
      <w:rFonts w:ascii="Times New Roman" w:hAnsi="Times New Roman"/>
    </w:rPr>
  </w:style>
  <w:style w:type="paragraph" w:styleId="Heading1">
    <w:name w:val="heading 1"/>
    <w:basedOn w:val="Normal"/>
    <w:next w:val="Normal"/>
    <w:link w:val="Heading1Char"/>
    <w:uiPriority w:val="9"/>
    <w:qFormat/>
    <w:rsid w:val="005D556D"/>
    <w:pPr>
      <w:keepNext/>
      <w:keepLines/>
      <w:spacing w:before="480" w:after="0"/>
      <w:outlineLvl w:val="0"/>
    </w:pPr>
    <w:rPr>
      <w:rFonts w:asciiTheme="majorHAnsi" w:eastAsiaTheme="majorEastAsia" w:hAnsiTheme="majorHAnsi" w:cstheme="majorBidi"/>
      <w:b/>
      <w:bCs/>
      <w:sz w:val="28"/>
      <w:szCs w:val="28"/>
    </w:rPr>
  </w:style>
  <w:style w:type="paragraph" w:styleId="Heading2">
    <w:name w:val="heading 2"/>
    <w:basedOn w:val="Normal"/>
    <w:next w:val="Normal"/>
    <w:link w:val="Heading2Char"/>
    <w:uiPriority w:val="9"/>
    <w:semiHidden/>
    <w:unhideWhenUsed/>
    <w:qFormat/>
    <w:rsid w:val="005D556D"/>
    <w:pPr>
      <w:keepNext/>
      <w:keepLines/>
      <w:spacing w:before="200" w:after="0"/>
      <w:outlineLvl w:val="1"/>
    </w:pPr>
    <w:rPr>
      <w:rFonts w:asciiTheme="majorHAnsi" w:eastAsiaTheme="majorEastAsia" w:hAnsiTheme="majorHAnsi" w:cstheme="majorBidi"/>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5D556D"/>
    <w:rPr>
      <w:rFonts w:asciiTheme="majorHAnsi" w:eastAsiaTheme="majorEastAsia" w:hAnsiTheme="majorHAnsi" w:cstheme="majorBidi"/>
      <w:b/>
      <w:bCs/>
      <w:sz w:val="28"/>
      <w:szCs w:val="28"/>
    </w:rPr>
  </w:style>
  <w:style w:type="character" w:customStyle="1" w:styleId="Heading2Char">
    <w:name w:val="Heading 2 Char"/>
    <w:basedOn w:val="DefaultParagraphFont"/>
    <w:link w:val="Heading2"/>
    <w:uiPriority w:val="9"/>
    <w:semiHidden/>
    <w:rsid w:val="005D556D"/>
    <w:rPr>
      <w:rFonts w:asciiTheme="majorHAnsi" w:eastAsiaTheme="majorEastAsia" w:hAnsiTheme="majorHAnsi" w:cstheme="majorBidi"/>
      <w:b/>
      <w:bCs/>
      <w:sz w:val="26"/>
      <w:szCs w:val="26"/>
    </w:rPr>
  </w:style>
  <w:style w:type="paragraph" w:styleId="Title">
    <w:name w:val="Title"/>
    <w:basedOn w:val="Normal"/>
    <w:next w:val="Normal"/>
    <w:link w:val="TitleChar"/>
    <w:uiPriority w:val="10"/>
    <w:qFormat/>
    <w:rsid w:val="00831C44"/>
    <w:pPr>
      <w:spacing w:after="300" w:line="240" w:lineRule="auto"/>
      <w:contextualSpacing/>
      <w:jc w:val="center"/>
    </w:pPr>
    <w:rPr>
      <w:rFonts w:eastAsiaTheme="majorEastAsia" w:cstheme="majorBidi"/>
      <w:b/>
      <w:caps/>
      <w:spacing w:val="5"/>
      <w:kern w:val="28"/>
      <w:szCs w:val="52"/>
    </w:rPr>
  </w:style>
  <w:style w:type="character" w:customStyle="1" w:styleId="TitleChar">
    <w:name w:val="Title Char"/>
    <w:basedOn w:val="DefaultParagraphFont"/>
    <w:link w:val="Title"/>
    <w:uiPriority w:val="10"/>
    <w:rsid w:val="00831C44"/>
    <w:rPr>
      <w:rFonts w:ascii="Times New Roman" w:eastAsiaTheme="majorEastAsia" w:hAnsi="Times New Roman" w:cstheme="majorBidi"/>
      <w:b/>
      <w:caps/>
      <w:spacing w:val="5"/>
      <w:kern w:val="28"/>
      <w:sz w:val="24"/>
      <w:szCs w:val="52"/>
    </w:rPr>
  </w:style>
  <w:style w:type="paragraph" w:styleId="BodyText">
    <w:name w:val="Body Text"/>
    <w:basedOn w:val="Normal"/>
    <w:link w:val="BodyTextChar"/>
    <w:uiPriority w:val="99"/>
    <w:unhideWhenUsed/>
    <w:rsid w:val="003D0190"/>
    <w:pPr>
      <w:spacing w:after="240" w:line="240" w:lineRule="auto"/>
    </w:pPr>
  </w:style>
  <w:style w:type="character" w:customStyle="1" w:styleId="BodyTextChar">
    <w:name w:val="Body Text Char"/>
    <w:basedOn w:val="DefaultParagraphFont"/>
    <w:link w:val="BodyText"/>
    <w:uiPriority w:val="99"/>
    <w:rsid w:val="003D0190"/>
    <w:rPr>
      <w:rFonts w:ascii="Times New Roman" w:hAnsi="Times New Roman"/>
    </w:rPr>
  </w:style>
  <w:style w:type="paragraph" w:styleId="IntenseQuote">
    <w:name w:val="Intense Quote"/>
    <w:basedOn w:val="Normal"/>
    <w:next w:val="Normal"/>
    <w:link w:val="IntenseQuoteChar"/>
    <w:uiPriority w:val="30"/>
    <w:qFormat/>
    <w:rsid w:val="00AB495E"/>
    <w:pPr>
      <w:pBdr>
        <w:bottom w:val="single" w:sz="4" w:space="4" w:color="4F81BD" w:themeColor="accent1"/>
      </w:pBdr>
      <w:spacing w:before="200" w:after="280"/>
      <w:ind w:left="936" w:right="936"/>
    </w:pPr>
    <w:rPr>
      <w:b/>
      <w:bCs/>
      <w:i/>
      <w:iCs/>
    </w:rPr>
  </w:style>
  <w:style w:type="character" w:customStyle="1" w:styleId="IntenseQuoteChar">
    <w:name w:val="Intense Quote Char"/>
    <w:basedOn w:val="DefaultParagraphFont"/>
    <w:link w:val="IntenseQuote"/>
    <w:uiPriority w:val="30"/>
    <w:rsid w:val="00AB495E"/>
    <w:rPr>
      <w:rFonts w:ascii="Times New Roman" w:hAnsi="Times New Roman"/>
      <w:b/>
      <w:bCs/>
      <w:i/>
      <w:iCs/>
      <w:sz w:val="24"/>
    </w:rPr>
  </w:style>
  <w:style w:type="character" w:styleId="IntenseEmphasis">
    <w:name w:val="Intense Emphasis"/>
    <w:basedOn w:val="DefaultParagraphFont"/>
    <w:uiPriority w:val="21"/>
    <w:qFormat/>
    <w:rsid w:val="00AB495E"/>
    <w:rPr>
      <w:b/>
      <w:bCs/>
      <w:i/>
      <w:iCs/>
      <w:color w:val="auto"/>
    </w:rPr>
  </w:style>
  <w:style w:type="paragraph" w:styleId="Subtitle">
    <w:name w:val="Subtitle"/>
    <w:basedOn w:val="Normal"/>
    <w:next w:val="Normal"/>
    <w:link w:val="SubtitleChar"/>
    <w:uiPriority w:val="11"/>
    <w:qFormat/>
    <w:rsid w:val="00123E03"/>
    <w:pPr>
      <w:numPr>
        <w:ilvl w:val="1"/>
      </w:numPr>
    </w:pPr>
    <w:rPr>
      <w:rFonts w:asciiTheme="majorHAnsi" w:eastAsiaTheme="majorEastAsia" w:hAnsiTheme="majorHAnsi" w:cstheme="majorBidi"/>
      <w:i/>
      <w:iCs/>
      <w:spacing w:val="15"/>
      <w:szCs w:val="24"/>
    </w:rPr>
  </w:style>
  <w:style w:type="character" w:customStyle="1" w:styleId="SubtitleChar">
    <w:name w:val="Subtitle Char"/>
    <w:basedOn w:val="DefaultParagraphFont"/>
    <w:link w:val="Subtitle"/>
    <w:uiPriority w:val="11"/>
    <w:rsid w:val="00123E03"/>
    <w:rPr>
      <w:rFonts w:asciiTheme="majorHAnsi" w:eastAsiaTheme="majorEastAsia" w:hAnsiTheme="majorHAnsi" w:cstheme="majorBidi"/>
      <w:i/>
      <w:iCs/>
      <w:spacing w:val="15"/>
      <w:sz w:val="24"/>
      <w:szCs w:val="24"/>
    </w:rPr>
  </w:style>
  <w:style w:type="table" w:styleId="ColorfulList-Accent2">
    <w:name w:val="Colorful List Accent 2"/>
    <w:basedOn w:val="TableNormal"/>
    <w:uiPriority w:val="72"/>
    <w:rsid w:val="00E60AF5"/>
    <w:pPr>
      <w:spacing w:after="0" w:line="240" w:lineRule="auto"/>
    </w:pPr>
    <w:rPr>
      <w:color w:val="000000" w:themeColor="text1"/>
    </w:rPr>
    <w:tblPr>
      <w:tblStyleRowBandSize w:val="1"/>
      <w:tblStyleColBandSize w:val="1"/>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paragraph" w:styleId="TOC1">
    <w:name w:val="toc 1"/>
    <w:basedOn w:val="Normal"/>
    <w:next w:val="Normal"/>
    <w:autoRedefine/>
    <w:uiPriority w:val="39"/>
    <w:semiHidden/>
    <w:unhideWhenUsed/>
    <w:rsid w:val="001971D7"/>
    <w:pPr>
      <w:spacing w:after="100"/>
      <w:ind w:left="1440" w:hanging="720"/>
    </w:pPr>
  </w:style>
  <w:style w:type="paragraph" w:styleId="TOC2">
    <w:name w:val="toc 2"/>
    <w:basedOn w:val="Normal"/>
    <w:next w:val="Normal"/>
    <w:autoRedefine/>
    <w:uiPriority w:val="39"/>
    <w:semiHidden/>
    <w:unhideWhenUsed/>
    <w:rsid w:val="001971D7"/>
    <w:pPr>
      <w:spacing w:after="100"/>
      <w:ind w:left="2160" w:hanging="720"/>
    </w:pPr>
  </w:style>
  <w:style w:type="paragraph" w:styleId="TOC3">
    <w:name w:val="toc 3"/>
    <w:basedOn w:val="Normal"/>
    <w:next w:val="Normal"/>
    <w:autoRedefine/>
    <w:uiPriority w:val="39"/>
    <w:semiHidden/>
    <w:unhideWhenUsed/>
    <w:rsid w:val="001971D7"/>
    <w:pPr>
      <w:spacing w:after="100"/>
      <w:ind w:left="2880" w:hanging="720"/>
    </w:pPr>
  </w:style>
  <w:style w:type="paragraph" w:styleId="TOC4">
    <w:name w:val="toc 4"/>
    <w:basedOn w:val="Normal"/>
    <w:next w:val="Normal"/>
    <w:autoRedefine/>
    <w:uiPriority w:val="39"/>
    <w:semiHidden/>
    <w:unhideWhenUsed/>
    <w:rsid w:val="001971D7"/>
    <w:pPr>
      <w:spacing w:after="100"/>
      <w:ind w:left="3600" w:hanging="720"/>
    </w:pPr>
  </w:style>
  <w:style w:type="paragraph" w:styleId="TOC5">
    <w:name w:val="toc 5"/>
    <w:basedOn w:val="Normal"/>
    <w:next w:val="Normal"/>
    <w:autoRedefine/>
    <w:uiPriority w:val="39"/>
    <w:semiHidden/>
    <w:unhideWhenUsed/>
    <w:rsid w:val="001971D7"/>
    <w:pPr>
      <w:spacing w:after="100"/>
      <w:ind w:left="4320" w:hanging="720"/>
    </w:pPr>
  </w:style>
  <w:style w:type="paragraph" w:styleId="TOC6">
    <w:name w:val="toc 6"/>
    <w:basedOn w:val="Normal"/>
    <w:next w:val="Normal"/>
    <w:autoRedefine/>
    <w:uiPriority w:val="39"/>
    <w:semiHidden/>
    <w:unhideWhenUsed/>
    <w:rsid w:val="001971D7"/>
    <w:pPr>
      <w:spacing w:after="100"/>
      <w:ind w:left="5040" w:hanging="720"/>
    </w:pPr>
  </w:style>
  <w:style w:type="paragraph" w:styleId="TOC7">
    <w:name w:val="toc 7"/>
    <w:basedOn w:val="Normal"/>
    <w:next w:val="Normal"/>
    <w:autoRedefine/>
    <w:uiPriority w:val="39"/>
    <w:semiHidden/>
    <w:unhideWhenUsed/>
    <w:rsid w:val="001971D7"/>
    <w:pPr>
      <w:spacing w:after="100"/>
      <w:ind w:left="5760" w:hanging="720"/>
    </w:pPr>
  </w:style>
  <w:style w:type="paragraph" w:styleId="TOC8">
    <w:name w:val="toc 8"/>
    <w:basedOn w:val="Normal"/>
    <w:next w:val="Normal"/>
    <w:autoRedefine/>
    <w:uiPriority w:val="39"/>
    <w:semiHidden/>
    <w:unhideWhenUsed/>
    <w:rsid w:val="001971D7"/>
    <w:pPr>
      <w:spacing w:after="100"/>
      <w:ind w:left="6480" w:hanging="720"/>
    </w:pPr>
  </w:style>
  <w:style w:type="paragraph" w:styleId="TOC9">
    <w:name w:val="toc 9"/>
    <w:basedOn w:val="Normal"/>
    <w:next w:val="Normal"/>
    <w:autoRedefine/>
    <w:uiPriority w:val="39"/>
    <w:semiHidden/>
    <w:unhideWhenUsed/>
    <w:rsid w:val="001971D7"/>
    <w:pPr>
      <w:spacing w:after="100"/>
      <w:ind w:left="7200" w:hanging="720"/>
    </w:pPr>
  </w:style>
  <w:style w:type="paragraph" w:styleId="Header">
    <w:name w:val="header"/>
    <w:basedOn w:val="Normal"/>
    <w:link w:val="HeaderChar"/>
    <w:uiPriority w:val="99"/>
    <w:unhideWhenUsed/>
    <w:rsid w:val="00E336ED"/>
    <w:pPr>
      <w:tabs>
        <w:tab w:val="center" w:pos="4680"/>
        <w:tab w:val="right" w:pos="9360"/>
      </w:tabs>
      <w:spacing w:after="0" w:line="240" w:lineRule="auto"/>
    </w:pPr>
  </w:style>
  <w:style w:type="character" w:customStyle="1" w:styleId="HeaderChar">
    <w:name w:val="Header Char"/>
    <w:basedOn w:val="DefaultParagraphFont"/>
    <w:link w:val="Header"/>
    <w:uiPriority w:val="99"/>
    <w:rsid w:val="00E336ED"/>
    <w:rPr>
      <w:rFonts w:ascii="Times New Roman" w:hAnsi="Times New Roman"/>
    </w:rPr>
  </w:style>
  <w:style w:type="paragraph" w:styleId="Footer">
    <w:name w:val="footer"/>
    <w:basedOn w:val="Normal"/>
    <w:link w:val="FooterChar"/>
    <w:uiPriority w:val="99"/>
    <w:semiHidden/>
    <w:unhideWhenUsed/>
    <w:rsid w:val="00E336ED"/>
    <w:pPr>
      <w:tabs>
        <w:tab w:val="center" w:pos="4680"/>
        <w:tab w:val="right" w:pos="9360"/>
      </w:tabs>
      <w:spacing w:after="0" w:line="240" w:lineRule="auto"/>
    </w:pPr>
  </w:style>
  <w:style w:type="character" w:customStyle="1" w:styleId="FooterChar">
    <w:name w:val="Footer Char"/>
    <w:basedOn w:val="DefaultParagraphFont"/>
    <w:link w:val="Footer"/>
    <w:uiPriority w:val="99"/>
    <w:semiHidden/>
    <w:rsid w:val="00E336ED"/>
    <w:rPr>
      <w:rFonts w:ascii="Times New Roman" w:hAnsi="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793</Words>
  <Characters>4505</Characters>
  <Application>Microsoft Office Word</Application>
  <DocSecurity>0</DocSecurity>
  <Lines>77</Lines>
  <Paragraphs>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28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Waiver</dc:title>
  <dc:subject/>
  <dc:creator>_</dc:creator>
  <cp:keywords/>
  <dc:description/>
  <cp:lastModifiedBy>Kimberly Pavlik</cp:lastModifiedBy>
  <cp:revision>3</cp:revision>
  <dcterms:created xsi:type="dcterms:W3CDTF">2026-06-17T21:01:00Z</dcterms:created>
  <dcterms:modified xsi:type="dcterms:W3CDTF">2026-06-17T21: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1104683v.1</vt:lpwstr>
  </property>
</Properties>
</file>